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3º Quad 2018 RGF PUBLICAÇÃO\"/>
    </mc:Choice>
  </mc:AlternateContent>
  <bookViews>
    <workbookView xWindow="0" yWindow="0" windowWidth="20490" windowHeight="7350" firstSheet="4" activeTab="5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5 - Disponibilidade de" sheetId="5" r:id="rId5"/>
    <sheet name="Anexo - 06 - Gestão Fiscal Simp" sheetId="6" r:id="rId6"/>
  </sheets>
  <calcPr calcId="0"/>
</workbook>
</file>

<file path=xl/sharedStrings.xml><?xml version="1.0" encoding="utf-8"?>
<sst xmlns="http://schemas.openxmlformats.org/spreadsheetml/2006/main" count="876" uniqueCount="313">
  <si>
    <t>GOVERNO DO ESTADO DE MATO GROSSO DO SUL</t>
  </si>
  <si>
    <t>Relatório de Gestão Fiscal</t>
  </si>
  <si>
    <t>Anexo 1 - Demonstrativo da Despesa com Pessoal</t>
  </si>
  <si>
    <t>Orçamentos Fiscal e da Seguridade Social</t>
  </si>
  <si>
    <t>Setembro até Dezembro - 3º Quadrimestre/2018</t>
  </si>
  <si>
    <t>LRF, Art. 55, inciso I, alínea "a"</t>
  </si>
  <si>
    <t>Nº</t>
  </si>
  <si>
    <t/>
  </si>
  <si>
    <t>DESPESA COM PESSOAL</t>
  </si>
  <si>
    <t>Despesas Liquidadas</t>
  </si>
  <si>
    <t>Jan/2018</t>
  </si>
  <si>
    <t>Fev/2018</t>
  </si>
  <si>
    <t>Mar/2018</t>
  </si>
  <si>
    <t>Abr/2018</t>
  </si>
  <si>
    <t>Mai/2018</t>
  </si>
  <si>
    <t>Jun/2018</t>
  </si>
  <si>
    <t>Jul/2018</t>
  </si>
  <si>
    <t>Ago/2018</t>
  </si>
  <si>
    <t>Set/2018</t>
  </si>
  <si>
    <t>Out/2018</t>
  </si>
  <si>
    <t>Nov/2018</t>
  </si>
  <si>
    <t>Dez/2018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0,00</t>
  </si>
  <si>
    <t>10</t>
  </si>
  <si>
    <t xml:space="preserve">   Outras despesas de pessoal decorrentes de contratos de terceirização (§ 1º do art. 18 da LRF)</t>
  </si>
  <si>
    <t>11</t>
  </si>
  <si>
    <t xml:space="preserve">DESPESAS NÃO COMPUTADAS (II) (§ 1º do art. 19 da LRF) 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21</t>
  </si>
  <si>
    <t>LIMITE MÁXIMO (incisos I, II e III do art.20 da LRF) - 49% da RCL</t>
  </si>
  <si>
    <t>22</t>
  </si>
  <si>
    <t>LIMITE PRUDENCIAL (parágrafo único do art.22 da LRF) - 46,55% da RCL</t>
  </si>
  <si>
    <t>23</t>
  </si>
  <si>
    <t>LIMITE DE ALERTA (inciso II do § 1º do art. 59 da LRF) - 44,1%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8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 xml:space="preserve">      Disponibilidade de Caixa bruta</t>
  </si>
  <si>
    <t xml:space="preserve">      (-) Restos a Pagar Processados</t>
  </si>
  <si>
    <t xml:space="preserve">   Demais Haveres Financeiros</t>
  </si>
  <si>
    <t>25</t>
  </si>
  <si>
    <t>DÍVIDA CONSOLIDADA LÍQUIDA² (DCL) (III) = (I - II)</t>
  </si>
  <si>
    <t>26</t>
  </si>
  <si>
    <t>RECEITA CORRENTE LÍQUIDA - RCL</t>
  </si>
  <si>
    <t>27</t>
  </si>
  <si>
    <t>% DA DC sobre a RCL (I/RCL)</t>
  </si>
  <si>
    <t>28</t>
  </si>
  <si>
    <t>% DA DCL Sobre a RCL (III/RCL)</t>
  </si>
  <si>
    <t>29</t>
  </si>
  <si>
    <t>LIMITE DEFINIDO POR RESOLUÇÃO DO SENADO FEDERAL - 200%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</t>
  </si>
  <si>
    <t>Exercício em que o ente excedeu o limite / Quadrimestre/Semestre</t>
  </si>
  <si>
    <t>% DCL (b)</t>
  </si>
  <si>
    <t>% Excedente</t>
  </si>
  <si>
    <t>Exercício do primeiro período</t>
  </si>
  <si>
    <t>Redutor mínimo de 25% do Excedente (d) = (0,25*c)</t>
  </si>
  <si>
    <t>Limite (e) = (b-d)</t>
  </si>
  <si>
    <t>% DCL (f)</t>
  </si>
  <si>
    <t>Exercício do segundo período seguinte</t>
  </si>
  <si>
    <t>Redutor Residual (g) = (f-a)</t>
  </si>
  <si>
    <t>Limite (h) = (e)</t>
  </si>
  <si>
    <t>% DCL (i)</t>
  </si>
  <si>
    <t>Exercício do terceiro período seguinte</t>
  </si>
  <si>
    <t>Redutor Residual (j) = (i-a)</t>
  </si>
  <si>
    <t>Limite (k) = (a)</t>
  </si>
  <si>
    <t>% DCL (l)</t>
  </si>
  <si>
    <t>40</t>
  </si>
  <si>
    <t>DESCRIÇÃO</t>
  </si>
  <si>
    <t xml:space="preserve">  EXERCÍCIO FINANCEIRO</t>
  </si>
  <si>
    <t>2001 - 3º Quadrimestre</t>
  </si>
  <si>
    <t>DCL</t>
  </si>
  <si>
    <t>Excedente(4)</t>
  </si>
  <si>
    <t>Redutor</t>
  </si>
  <si>
    <t>2002 - Quadrimestre</t>
  </si>
  <si>
    <t>1º</t>
  </si>
  <si>
    <t>2º</t>
  </si>
  <si>
    <t>3º</t>
  </si>
  <si>
    <t>2003 - Quadrimestre</t>
  </si>
  <si>
    <t>2004 - Quadrimestre</t>
  </si>
  <si>
    <t>41</t>
  </si>
  <si>
    <t>% DA DCL SOBRE A RCL</t>
  </si>
  <si>
    <t>42</t>
  </si>
  <si>
    <t>% Limite de Endividamento</t>
  </si>
  <si>
    <t xml:space="preserve"> EXERCÍCIO FINANCEIRO</t>
  </si>
  <si>
    <t>2005 - Quadrimestre</t>
  </si>
  <si>
    <t>2006 - Quadrimestre</t>
  </si>
  <si>
    <t>2007 - Quadrimestre</t>
  </si>
  <si>
    <t>2008 - Quadrimestre</t>
  </si>
  <si>
    <t>43</t>
  </si>
  <si>
    <t>44</t>
  </si>
  <si>
    <t>2009 - Quadrimestre</t>
  </si>
  <si>
    <t>2010 - Quadrimestre</t>
  </si>
  <si>
    <t>2011 - Quadrimestre</t>
  </si>
  <si>
    <t>2012 - Quadrimestre</t>
  </si>
  <si>
    <t>45</t>
  </si>
  <si>
    <t>46</t>
  </si>
  <si>
    <t>2013 - Quadrimestre</t>
  </si>
  <si>
    <t>2014 - Quadrimestre</t>
  </si>
  <si>
    <t>2015 - Quadrimestre</t>
  </si>
  <si>
    <t>2016 - Quadrimestre</t>
  </si>
  <si>
    <t>47</t>
  </si>
  <si>
    <t>48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5 - Demonstrativo da Disponibilidade de Caixa e dos Restos a Pagar</t>
  </si>
  <si>
    <t>LRF, Art. 55, inciso III, alínea "a"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</t>
  </si>
  <si>
    <t>EMPENHOS NÃO LIQUIDADOS CANCELADOS (NÃO INSCRITOS POR INSUFICIÊNCIA FINANCEIRA)</t>
  </si>
  <si>
    <t>TOTAL DOS RECURSOS VINCULADOS (I)</t>
  </si>
  <si>
    <t xml:space="preserve">   Receitas de Impostos e de Transferência de Impostos - Educação</t>
  </si>
  <si>
    <t xml:space="preserve">   Transferências do FUNDEB 60%</t>
  </si>
  <si>
    <t xml:space="preserve">   Transferências do FUNDEB 40%</t>
  </si>
  <si>
    <t xml:space="preserve">   Outros Recursos Destinados à Educação</t>
  </si>
  <si>
    <t xml:space="preserve">   Receitas de Impostos e de Transferência de Impostos - Saúde</t>
  </si>
  <si>
    <t xml:space="preserve">   Outros Recursos Destinados à Saúde</t>
  </si>
  <si>
    <t xml:space="preserve">   Recursos Destinados à Assistência Social</t>
  </si>
  <si>
    <t xml:space="preserve">   Recursos destinados ao RPPS - Plano Previdenciário</t>
  </si>
  <si>
    <t xml:space="preserve">   Recursos destinados ao RPPS - Plano Financeiro</t>
  </si>
  <si>
    <t xml:space="preserve">   Recursos de Operações de Crédito (exceto destinados à Educação e à Saúde)</t>
  </si>
  <si>
    <t xml:space="preserve">   Recursos de Alienação de Bens/Ativos</t>
  </si>
  <si>
    <t xml:space="preserve">   Outras Destinações Vinculadas de Recursos</t>
  </si>
  <si>
    <t>TOTAL DOS RECURSOS NÃO VINCULADOS (II)</t>
  </si>
  <si>
    <t xml:space="preserve">   Recursos Ordinários</t>
  </si>
  <si>
    <t xml:space="preserve">   Outros Recursos não Vinculados</t>
  </si>
  <si>
    <t>TOTAL (III) = (I + II)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opLeftCell="A26" workbookViewId="0">
      <selection activeCell="D38" sqref="D38"/>
    </sheetView>
  </sheetViews>
  <sheetFormatPr defaultRowHeight="15" x14ac:dyDescent="0.25"/>
  <cols>
    <col min="1" max="1" width="2.7109375" bestFit="1" customWidth="1"/>
    <col min="2" max="2" width="67" bestFit="1" customWidth="1"/>
    <col min="3" max="3" width="20.140625" bestFit="1" customWidth="1"/>
    <col min="4" max="14" width="17.28515625" bestFit="1" customWidth="1"/>
    <col min="15" max="15" width="19" bestFit="1" customWidth="1"/>
    <col min="16" max="16" width="17.28515625" bestFit="1" customWidth="1"/>
  </cols>
  <sheetData>
    <row r="3" spans="1:16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</row>
    <row r="4" spans="1:16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</row>
    <row r="5" spans="1:16" x14ac:dyDescent="0.25">
      <c r="A5" s="10" t="s">
        <v>2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</row>
    <row r="6" spans="1:16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</row>
    <row r="7" spans="1:16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</row>
    <row r="9" spans="1:16" x14ac:dyDescent="0.25">
      <c r="A9" s="11" t="s">
        <v>5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  <c r="P9" s="9"/>
    </row>
    <row r="10" spans="1:16" x14ac:dyDescent="0.25">
      <c r="A10" s="12" t="s">
        <v>6</v>
      </c>
      <c r="B10" s="12" t="s">
        <v>8</v>
      </c>
      <c r="C10" s="12" t="s">
        <v>9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7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7</v>
      </c>
      <c r="O10" s="12" t="s">
        <v>7</v>
      </c>
      <c r="P10" s="12" t="s">
        <v>23</v>
      </c>
    </row>
    <row r="11" spans="1:16" ht="52.5" x14ac:dyDescent="0.25">
      <c r="A11" s="12" t="s">
        <v>7</v>
      </c>
      <c r="B11" s="12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2" t="s">
        <v>7</v>
      </c>
    </row>
    <row r="12" spans="1:16" x14ac:dyDescent="0.25">
      <c r="A12" s="5" t="s">
        <v>24</v>
      </c>
      <c r="B12" s="7" t="s">
        <v>25</v>
      </c>
      <c r="C12" s="13">
        <v>449842767.58999997</v>
      </c>
      <c r="D12" s="13">
        <v>555629708.76999998</v>
      </c>
      <c r="E12" s="13">
        <v>629303772.44000006</v>
      </c>
      <c r="F12" s="13">
        <v>572676061.02999997</v>
      </c>
      <c r="G12" s="13">
        <v>709728089.89999998</v>
      </c>
      <c r="H12" s="13">
        <v>578475964.58000004</v>
      </c>
      <c r="I12" s="13">
        <v>689361837.92999995</v>
      </c>
      <c r="J12" s="13">
        <v>620799142.91999996</v>
      </c>
      <c r="K12" s="13">
        <v>585580273.16999996</v>
      </c>
      <c r="L12" s="13">
        <v>702616089.97000003</v>
      </c>
      <c r="M12" s="13">
        <v>472838571.48000002</v>
      </c>
      <c r="N12" s="13">
        <v>958564143.25</v>
      </c>
      <c r="O12" s="13">
        <v>7525416423.0299997</v>
      </c>
      <c r="P12" s="13">
        <v>264515049.11000001</v>
      </c>
    </row>
    <row r="13" spans="1:16" x14ac:dyDescent="0.25">
      <c r="A13" s="5" t="s">
        <v>26</v>
      </c>
      <c r="B13" s="7" t="s">
        <v>27</v>
      </c>
      <c r="C13" s="13">
        <v>280320781.56</v>
      </c>
      <c r="D13" s="13">
        <v>366656806.12</v>
      </c>
      <c r="E13" s="13">
        <v>406572832.93000001</v>
      </c>
      <c r="F13" s="13">
        <v>390018169.99000001</v>
      </c>
      <c r="G13" s="13">
        <v>473690449.16000003</v>
      </c>
      <c r="H13" s="13">
        <v>394171113.74000001</v>
      </c>
      <c r="I13" s="13">
        <v>490278445.80000001</v>
      </c>
      <c r="J13" s="13">
        <v>387208510.11000001</v>
      </c>
      <c r="K13" s="13">
        <v>379204016.26999998</v>
      </c>
      <c r="L13" s="13">
        <v>471959879.57999998</v>
      </c>
      <c r="M13" s="13">
        <v>354412799.19999999</v>
      </c>
      <c r="N13" s="13">
        <v>694593312.08000004</v>
      </c>
      <c r="O13" s="13">
        <v>5089087116.54</v>
      </c>
      <c r="P13" s="13">
        <v>6405026.75</v>
      </c>
    </row>
    <row r="14" spans="1:16" x14ac:dyDescent="0.25">
      <c r="A14" s="4" t="s">
        <v>28</v>
      </c>
      <c r="B14" s="6" t="s">
        <v>29</v>
      </c>
      <c r="C14" s="14">
        <v>238502196.68000001</v>
      </c>
      <c r="D14" s="14">
        <v>276689339.13999999</v>
      </c>
      <c r="E14" s="14">
        <v>293191374.69999999</v>
      </c>
      <c r="F14" s="14">
        <v>294696823.45999998</v>
      </c>
      <c r="G14" s="14">
        <v>325522976.89999998</v>
      </c>
      <c r="H14" s="14">
        <v>257971982.72999999</v>
      </c>
      <c r="I14" s="14">
        <v>363036794.55000001</v>
      </c>
      <c r="J14" s="14">
        <v>300351530.67000002</v>
      </c>
      <c r="K14" s="14">
        <v>308848890.88</v>
      </c>
      <c r="L14" s="14">
        <v>327400375.63</v>
      </c>
      <c r="M14" s="14">
        <v>251401687.19</v>
      </c>
      <c r="N14" s="14">
        <v>481018578.67000002</v>
      </c>
      <c r="O14" s="14">
        <v>3718632551.1999998</v>
      </c>
      <c r="P14" s="14">
        <v>5044971.92</v>
      </c>
    </row>
    <row r="15" spans="1:16" x14ac:dyDescent="0.25">
      <c r="A15" s="4" t="s">
        <v>30</v>
      </c>
      <c r="B15" s="6" t="s">
        <v>31</v>
      </c>
      <c r="C15" s="14">
        <v>41667317.880000003</v>
      </c>
      <c r="D15" s="14">
        <v>89773685.209999993</v>
      </c>
      <c r="E15" s="14">
        <v>112173281.48999999</v>
      </c>
      <c r="F15" s="14">
        <v>95294534.25</v>
      </c>
      <c r="G15" s="14">
        <v>146706214.63999999</v>
      </c>
      <c r="H15" s="14">
        <v>136249960.52000001</v>
      </c>
      <c r="I15" s="14">
        <v>126608662.98</v>
      </c>
      <c r="J15" s="14">
        <v>86479416.829999998</v>
      </c>
      <c r="K15" s="14">
        <v>69520127.370000005</v>
      </c>
      <c r="L15" s="14">
        <v>143265254.43000001</v>
      </c>
      <c r="M15" s="14">
        <v>102949814.16</v>
      </c>
      <c r="N15" s="14">
        <v>212282780.56999999</v>
      </c>
      <c r="O15" s="14">
        <v>1362971050.3299999</v>
      </c>
      <c r="P15" s="14">
        <v>1000194.16</v>
      </c>
    </row>
    <row r="16" spans="1:16" x14ac:dyDescent="0.25">
      <c r="A16" s="4" t="s">
        <v>32</v>
      </c>
      <c r="B16" s="6" t="s">
        <v>33</v>
      </c>
      <c r="C16" s="14">
        <v>151267</v>
      </c>
      <c r="D16" s="14">
        <v>193781.77</v>
      </c>
      <c r="E16" s="14">
        <v>1208176.74</v>
      </c>
      <c r="F16" s="14">
        <v>26812.28</v>
      </c>
      <c r="G16" s="14">
        <v>1461257.62</v>
      </c>
      <c r="H16" s="14">
        <v>-50829.51</v>
      </c>
      <c r="I16" s="14">
        <v>632988.27</v>
      </c>
      <c r="J16" s="14">
        <v>377562.61</v>
      </c>
      <c r="K16" s="14">
        <v>834998.02</v>
      </c>
      <c r="L16" s="14">
        <v>1294249.52</v>
      </c>
      <c r="M16" s="14">
        <v>61297.85</v>
      </c>
      <c r="N16" s="14">
        <v>1291952.8400000001</v>
      </c>
      <c r="O16" s="14">
        <v>7483515.0099999998</v>
      </c>
      <c r="P16" s="14">
        <v>359860.67</v>
      </c>
    </row>
    <row r="17" spans="1:16" x14ac:dyDescent="0.25">
      <c r="A17" s="5" t="s">
        <v>34</v>
      </c>
      <c r="B17" s="7" t="s">
        <v>35</v>
      </c>
      <c r="C17" s="13">
        <v>169521986.03</v>
      </c>
      <c r="D17" s="13">
        <v>188972902.65000001</v>
      </c>
      <c r="E17" s="13">
        <v>222730939.50999999</v>
      </c>
      <c r="F17" s="13">
        <v>182657891.03999999</v>
      </c>
      <c r="G17" s="13">
        <v>236037640.74000001</v>
      </c>
      <c r="H17" s="13">
        <v>184304850.84</v>
      </c>
      <c r="I17" s="13">
        <v>199083392.13</v>
      </c>
      <c r="J17" s="13">
        <v>233590632.81</v>
      </c>
      <c r="K17" s="13">
        <v>206376256.90000001</v>
      </c>
      <c r="L17" s="13">
        <v>230656210.38999999</v>
      </c>
      <c r="M17" s="13">
        <v>118425772.28</v>
      </c>
      <c r="N17" s="13">
        <v>263970831.16999999</v>
      </c>
      <c r="O17" s="13">
        <v>2436329306.4899998</v>
      </c>
      <c r="P17" s="13">
        <v>258110022.36000001</v>
      </c>
    </row>
    <row r="18" spans="1:16" x14ac:dyDescent="0.25">
      <c r="A18" s="4" t="s">
        <v>36</v>
      </c>
      <c r="B18" s="6" t="s">
        <v>37</v>
      </c>
      <c r="C18" s="14">
        <v>146878540.46000001</v>
      </c>
      <c r="D18" s="14">
        <v>163811391.94999999</v>
      </c>
      <c r="E18" s="14">
        <v>193606321.31</v>
      </c>
      <c r="F18" s="14">
        <v>159033539.59999999</v>
      </c>
      <c r="G18" s="14">
        <v>205192884.88999999</v>
      </c>
      <c r="H18" s="14">
        <v>160008490.05000001</v>
      </c>
      <c r="I18" s="14">
        <v>172768015.56999999</v>
      </c>
      <c r="J18" s="14">
        <v>202403990.06</v>
      </c>
      <c r="K18" s="14">
        <v>181118554.94999999</v>
      </c>
      <c r="L18" s="14">
        <v>201355395.28999999</v>
      </c>
      <c r="M18" s="14">
        <v>101626436.2</v>
      </c>
      <c r="N18" s="14">
        <v>226907446.53</v>
      </c>
      <c r="O18" s="14">
        <v>2114711006.8599999</v>
      </c>
      <c r="P18" s="14">
        <v>225888203.97999999</v>
      </c>
    </row>
    <row r="19" spans="1:16" x14ac:dyDescent="0.25">
      <c r="A19" s="4" t="s">
        <v>38</v>
      </c>
      <c r="B19" s="6" t="s">
        <v>39</v>
      </c>
      <c r="C19" s="14">
        <v>22643445.57</v>
      </c>
      <c r="D19" s="14">
        <v>25161510.699999999</v>
      </c>
      <c r="E19" s="14">
        <v>29122905.859999999</v>
      </c>
      <c r="F19" s="14">
        <v>23622797.649999999</v>
      </c>
      <c r="G19" s="14">
        <v>30843202.059999999</v>
      </c>
      <c r="H19" s="14">
        <v>24294870.420000002</v>
      </c>
      <c r="I19" s="14">
        <v>26313949.609999999</v>
      </c>
      <c r="J19" s="14">
        <v>31185247.510000002</v>
      </c>
      <c r="K19" s="14">
        <v>25826126.550000001</v>
      </c>
      <c r="L19" s="14">
        <v>29358580.210000001</v>
      </c>
      <c r="M19" s="14">
        <v>16857101.190000001</v>
      </c>
      <c r="N19" s="14">
        <v>32690754.73</v>
      </c>
      <c r="O19" s="14">
        <v>317920492.06</v>
      </c>
      <c r="P19" s="14">
        <v>32221818.379999999</v>
      </c>
    </row>
    <row r="20" spans="1:16" x14ac:dyDescent="0.25">
      <c r="A20" s="4" t="s">
        <v>40</v>
      </c>
      <c r="B20" s="6" t="s">
        <v>41</v>
      </c>
      <c r="C20" s="14">
        <v>0</v>
      </c>
      <c r="D20" s="14">
        <v>0</v>
      </c>
      <c r="E20" s="14">
        <v>1712.34</v>
      </c>
      <c r="F20" s="14">
        <v>1553.79</v>
      </c>
      <c r="G20" s="14">
        <v>1553.79</v>
      </c>
      <c r="H20" s="14">
        <v>1490.37</v>
      </c>
      <c r="I20" s="14">
        <v>1426.95</v>
      </c>
      <c r="J20" s="14">
        <v>1395.24</v>
      </c>
      <c r="K20" s="14">
        <v>-568424.6</v>
      </c>
      <c r="L20" s="14">
        <v>-57765.11</v>
      </c>
      <c r="M20" s="14">
        <v>-57765.11</v>
      </c>
      <c r="N20" s="14">
        <v>4372629.91</v>
      </c>
      <c r="O20" s="14">
        <v>3697807.57</v>
      </c>
      <c r="P20" s="14">
        <v>0</v>
      </c>
    </row>
    <row r="21" spans="1:16" x14ac:dyDescent="0.25">
      <c r="A21" s="4" t="s">
        <v>43</v>
      </c>
      <c r="B21" s="6" t="s">
        <v>44</v>
      </c>
      <c r="C21" s="14">
        <v>0</v>
      </c>
      <c r="D21" s="14">
        <v>0</v>
      </c>
      <c r="E21" s="14">
        <v>0</v>
      </c>
      <c r="F21" s="14">
        <v>0</v>
      </c>
      <c r="G21" s="14">
        <v>0</v>
      </c>
      <c r="H21" s="14">
        <v>0</v>
      </c>
      <c r="I21" s="14">
        <v>0</v>
      </c>
      <c r="J21" s="14">
        <v>0</v>
      </c>
      <c r="K21" s="14">
        <v>0</v>
      </c>
      <c r="L21" s="14">
        <v>0</v>
      </c>
      <c r="M21" s="14">
        <v>0</v>
      </c>
      <c r="N21" s="14">
        <v>0</v>
      </c>
      <c r="O21" s="14">
        <v>0</v>
      </c>
      <c r="P21" s="14">
        <v>0</v>
      </c>
    </row>
    <row r="22" spans="1:16" x14ac:dyDescent="0.25">
      <c r="A22" s="5" t="s">
        <v>45</v>
      </c>
      <c r="B22" s="7" t="s">
        <v>46</v>
      </c>
      <c r="C22" s="13">
        <v>180541252.80000001</v>
      </c>
      <c r="D22" s="13">
        <v>211002722.55000001</v>
      </c>
      <c r="E22" s="13">
        <v>242973522.44</v>
      </c>
      <c r="F22" s="13">
        <v>208906628.38999999</v>
      </c>
      <c r="G22" s="13">
        <v>229490190.34999999</v>
      </c>
      <c r="H22" s="13">
        <v>189656565.99000001</v>
      </c>
      <c r="I22" s="13">
        <v>263458984.56</v>
      </c>
      <c r="J22" s="13">
        <v>255643363.36000001</v>
      </c>
      <c r="K22" s="13">
        <v>220746699.36000001</v>
      </c>
      <c r="L22" s="13">
        <v>262935399.37</v>
      </c>
      <c r="M22" s="13">
        <v>125437056.59</v>
      </c>
      <c r="N22" s="13">
        <v>264516899.87</v>
      </c>
      <c r="O22" s="13">
        <v>2655309285.6300001</v>
      </c>
      <c r="P22" s="13">
        <v>2696645.55</v>
      </c>
    </row>
    <row r="23" spans="1:16" x14ac:dyDescent="0.25">
      <c r="A23" s="4" t="s">
        <v>47</v>
      </c>
      <c r="B23" s="6" t="s">
        <v>48</v>
      </c>
      <c r="C23" s="14">
        <v>5217290.42</v>
      </c>
      <c r="D23" s="14">
        <v>3154798.87</v>
      </c>
      <c r="E23" s="14">
        <v>10094524.390000001</v>
      </c>
      <c r="F23" s="14">
        <v>8056033.6500000004</v>
      </c>
      <c r="G23" s="14">
        <v>5486438.0800000001</v>
      </c>
      <c r="H23" s="14">
        <v>5540264.9199999999</v>
      </c>
      <c r="I23" s="14">
        <v>6810343.2800000003</v>
      </c>
      <c r="J23" s="14">
        <v>6110329.3399999999</v>
      </c>
      <c r="K23" s="14">
        <v>5255683.3099999996</v>
      </c>
      <c r="L23" s="14">
        <v>7437538.2599999998</v>
      </c>
      <c r="M23" s="14">
        <v>7545160.1200000001</v>
      </c>
      <c r="N23" s="14">
        <v>6730415.1600000001</v>
      </c>
      <c r="O23" s="14">
        <v>77438819.799999997</v>
      </c>
      <c r="P23" s="14">
        <v>0</v>
      </c>
    </row>
    <row r="24" spans="1:16" x14ac:dyDescent="0.25">
      <c r="A24" s="4" t="s">
        <v>49</v>
      </c>
      <c r="B24" s="6" t="s">
        <v>50</v>
      </c>
      <c r="C24" s="14">
        <v>1670.51</v>
      </c>
      <c r="D24" s="14">
        <v>15779926.02</v>
      </c>
      <c r="E24" s="14">
        <v>14131444.710000001</v>
      </c>
      <c r="F24" s="14">
        <v>21026819.440000001</v>
      </c>
      <c r="G24" s="14">
        <v>10851.1</v>
      </c>
      <c r="H24" s="14">
        <v>20703.48</v>
      </c>
      <c r="I24" s="14">
        <v>28245574.039999999</v>
      </c>
      <c r="J24" s="14">
        <v>14141971.58</v>
      </c>
      <c r="K24" s="14">
        <v>14125768.67</v>
      </c>
      <c r="L24" s="14">
        <v>28244790.600000001</v>
      </c>
      <c r="M24" s="14">
        <v>17933.12</v>
      </c>
      <c r="N24" s="14">
        <v>6492.13</v>
      </c>
      <c r="O24" s="14">
        <v>135753945.40000001</v>
      </c>
      <c r="P24" s="14">
        <v>0</v>
      </c>
    </row>
    <row r="25" spans="1:16" x14ac:dyDescent="0.25">
      <c r="A25" s="4" t="s">
        <v>51</v>
      </c>
      <c r="B25" s="6" t="s">
        <v>52</v>
      </c>
      <c r="C25" s="14">
        <v>5800305.8399999999</v>
      </c>
      <c r="D25" s="14">
        <v>3110112.71</v>
      </c>
      <c r="E25" s="14">
        <v>7370316.2400000002</v>
      </c>
      <c r="F25" s="14">
        <v>1927315.52</v>
      </c>
      <c r="G25" s="14">
        <v>1686577.42</v>
      </c>
      <c r="H25" s="14">
        <v>1806336.93</v>
      </c>
      <c r="I25" s="14">
        <v>6746647.9500000002</v>
      </c>
      <c r="J25" s="14">
        <v>1812163.64</v>
      </c>
      <c r="K25" s="14">
        <v>1931485.25</v>
      </c>
      <c r="L25" s="14">
        <v>2358836.7000000002</v>
      </c>
      <c r="M25" s="14">
        <v>1926825.93</v>
      </c>
      <c r="N25" s="14">
        <v>916804.57</v>
      </c>
      <c r="O25" s="14">
        <v>37393728.700000003</v>
      </c>
      <c r="P25" s="14">
        <v>0</v>
      </c>
    </row>
    <row r="26" spans="1:16" x14ac:dyDescent="0.25">
      <c r="A26" s="4" t="s">
        <v>53</v>
      </c>
      <c r="B26" s="6" t="s">
        <v>54</v>
      </c>
      <c r="C26" s="14">
        <v>169521986.03</v>
      </c>
      <c r="D26" s="14">
        <v>188957884.94999999</v>
      </c>
      <c r="E26" s="14">
        <v>211377237.09999999</v>
      </c>
      <c r="F26" s="14">
        <v>177896459.78</v>
      </c>
      <c r="G26" s="14">
        <v>222306323.75</v>
      </c>
      <c r="H26" s="14">
        <v>182289260.66</v>
      </c>
      <c r="I26" s="14">
        <v>221656419.28999999</v>
      </c>
      <c r="J26" s="14">
        <v>233578898.80000001</v>
      </c>
      <c r="K26" s="14">
        <v>199433762.13</v>
      </c>
      <c r="L26" s="14">
        <v>224894233.81</v>
      </c>
      <c r="M26" s="14">
        <v>115947137.42</v>
      </c>
      <c r="N26" s="14">
        <v>256863188.00999999</v>
      </c>
      <c r="O26" s="14">
        <v>2404722791.73</v>
      </c>
      <c r="P26" s="14">
        <v>2696645.55</v>
      </c>
    </row>
    <row r="27" spans="1:16" x14ac:dyDescent="0.25">
      <c r="A27" s="5" t="s">
        <v>55</v>
      </c>
      <c r="B27" s="7" t="s">
        <v>56</v>
      </c>
      <c r="C27" s="13">
        <v>269301514.79000002</v>
      </c>
      <c r="D27" s="13">
        <v>344626986.22000003</v>
      </c>
      <c r="E27" s="13">
        <v>386330250</v>
      </c>
      <c r="F27" s="13">
        <v>363769432.63999999</v>
      </c>
      <c r="G27" s="13">
        <v>480237899.55000001</v>
      </c>
      <c r="H27" s="13">
        <v>388819398.58999997</v>
      </c>
      <c r="I27" s="13">
        <v>425902853.37</v>
      </c>
      <c r="J27" s="13">
        <v>365155779.56</v>
      </c>
      <c r="K27" s="13">
        <v>364833573.81</v>
      </c>
      <c r="L27" s="13">
        <v>439680690.60000002</v>
      </c>
      <c r="M27" s="13">
        <v>347401514.88999999</v>
      </c>
      <c r="N27" s="13">
        <v>694047243.38</v>
      </c>
      <c r="O27" s="13">
        <v>4870107137.3999996</v>
      </c>
      <c r="P27" s="13">
        <v>261818403.56</v>
      </c>
    </row>
    <row r="29" spans="1:16" x14ac:dyDescent="0.25">
      <c r="A29" s="12" t="s">
        <v>6</v>
      </c>
      <c r="B29" s="12" t="s">
        <v>57</v>
      </c>
      <c r="C29" s="12" t="s">
        <v>58</v>
      </c>
      <c r="D29" s="12" t="s">
        <v>59</v>
      </c>
    </row>
    <row r="30" spans="1:16" x14ac:dyDescent="0.25">
      <c r="A30" s="12" t="s">
        <v>7</v>
      </c>
      <c r="B30" s="12" t="s">
        <v>7</v>
      </c>
      <c r="C30" s="12" t="s">
        <v>7</v>
      </c>
      <c r="D30" s="12" t="s">
        <v>7</v>
      </c>
    </row>
    <row r="31" spans="1:16" x14ac:dyDescent="0.25">
      <c r="A31" s="4" t="s">
        <v>60</v>
      </c>
      <c r="B31" s="6" t="s">
        <v>61</v>
      </c>
      <c r="C31" s="14">
        <v>10739608262.85</v>
      </c>
      <c r="D31" s="14">
        <v>100.02</v>
      </c>
    </row>
    <row r="32" spans="1:16" x14ac:dyDescent="0.25">
      <c r="A32" s="4" t="s">
        <v>62</v>
      </c>
      <c r="B32" s="6" t="s">
        <v>63</v>
      </c>
      <c r="C32" s="14">
        <v>1756138</v>
      </c>
      <c r="D32" s="14">
        <v>0.02</v>
      </c>
    </row>
    <row r="33" spans="1:11" x14ac:dyDescent="0.25">
      <c r="A33" s="5" t="s">
        <v>64</v>
      </c>
      <c r="B33" s="7" t="s">
        <v>65</v>
      </c>
      <c r="C33" s="13">
        <v>10737852124.85</v>
      </c>
      <c r="D33" s="13">
        <v>100</v>
      </c>
    </row>
    <row r="34" spans="1:11" x14ac:dyDescent="0.25">
      <c r="A34" s="4" t="s">
        <v>66</v>
      </c>
      <c r="B34" s="6" t="s">
        <v>67</v>
      </c>
      <c r="C34" s="14">
        <v>5131925540.96</v>
      </c>
      <c r="D34" s="14">
        <v>47.79</v>
      </c>
    </row>
    <row r="35" spans="1:11" x14ac:dyDescent="0.25">
      <c r="A35" s="4" t="s">
        <v>68</v>
      </c>
      <c r="B35" s="6" t="s">
        <v>69</v>
      </c>
      <c r="C35" s="14">
        <v>5261547541.1800003</v>
      </c>
      <c r="D35" s="14">
        <v>49</v>
      </c>
    </row>
    <row r="36" spans="1:11" x14ac:dyDescent="0.25">
      <c r="A36" s="4" t="s">
        <v>70</v>
      </c>
      <c r="B36" s="6" t="s">
        <v>71</v>
      </c>
      <c r="C36" s="14">
        <v>4998470164.1199999</v>
      </c>
      <c r="D36" s="14">
        <v>46.55</v>
      </c>
    </row>
    <row r="37" spans="1:11" x14ac:dyDescent="0.25">
      <c r="A37" s="4" t="s">
        <v>72</v>
      </c>
      <c r="B37" s="6" t="s">
        <v>73</v>
      </c>
      <c r="C37" s="14">
        <v>4735392787.0600004</v>
      </c>
      <c r="D37" s="14">
        <v>44.1</v>
      </c>
    </row>
    <row r="39" spans="1:11" x14ac:dyDescent="0.25">
      <c r="A39" s="12" t="s">
        <v>6</v>
      </c>
      <c r="B39" s="12" t="s">
        <v>74</v>
      </c>
      <c r="C39" s="12" t="s">
        <v>75</v>
      </c>
      <c r="D39" s="12" t="s">
        <v>7</v>
      </c>
      <c r="E39" s="12" t="s">
        <v>7</v>
      </c>
      <c r="F39" s="12" t="s">
        <v>79</v>
      </c>
      <c r="G39" s="12" t="s">
        <v>7</v>
      </c>
      <c r="H39" s="12" t="s">
        <v>7</v>
      </c>
      <c r="I39" s="12" t="s">
        <v>83</v>
      </c>
      <c r="J39" s="12" t="s">
        <v>7</v>
      </c>
      <c r="K39" s="12" t="s">
        <v>83</v>
      </c>
    </row>
    <row r="40" spans="1:11" ht="63" x14ac:dyDescent="0.25">
      <c r="A40" s="12" t="s">
        <v>7</v>
      </c>
      <c r="B40" s="12" t="s">
        <v>7</v>
      </c>
      <c r="C40" s="1" t="s">
        <v>76</v>
      </c>
      <c r="D40" s="1" t="s">
        <v>77</v>
      </c>
      <c r="E40" s="1" t="s">
        <v>78</v>
      </c>
      <c r="F40" s="1" t="s">
        <v>80</v>
      </c>
      <c r="G40" s="1" t="s">
        <v>81</v>
      </c>
      <c r="H40" s="1" t="s">
        <v>82</v>
      </c>
      <c r="I40" s="1" t="s">
        <v>84</v>
      </c>
      <c r="J40" s="1" t="s">
        <v>85</v>
      </c>
      <c r="K40" s="1" t="s">
        <v>86</v>
      </c>
    </row>
    <row r="41" spans="1:11" x14ac:dyDescent="0.25">
      <c r="A41" s="4" t="s">
        <v>87</v>
      </c>
      <c r="B41" s="6" t="s">
        <v>88</v>
      </c>
      <c r="C41" s="2" t="s">
        <v>42</v>
      </c>
      <c r="D41" s="2" t="s">
        <v>42</v>
      </c>
      <c r="E41" s="2" t="s">
        <v>42</v>
      </c>
      <c r="F41" s="2" t="s">
        <v>42</v>
      </c>
      <c r="G41" s="2" t="s">
        <v>42</v>
      </c>
      <c r="H41" s="2" t="s">
        <v>42</v>
      </c>
      <c r="I41" s="2" t="s">
        <v>42</v>
      </c>
      <c r="J41" s="2" t="s">
        <v>42</v>
      </c>
      <c r="K41" s="2" t="s">
        <v>42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77"/>
  <sheetViews>
    <sheetView showGridLines="0" topLeftCell="A65" workbookViewId="0">
      <selection activeCell="F54" sqref="F54"/>
    </sheetView>
  </sheetViews>
  <sheetFormatPr defaultRowHeight="15" x14ac:dyDescent="0.25"/>
  <cols>
    <col min="1" max="1" width="2.7109375" bestFit="1" customWidth="1"/>
    <col min="2" max="2" width="50.140625" bestFit="1" customWidth="1"/>
    <col min="3" max="5" width="19" bestFit="1" customWidth="1"/>
    <col min="6" max="6" width="40.140625" bestFit="1" customWidth="1"/>
    <col min="7" max="7" width="13.85546875" bestFit="1" customWidth="1"/>
    <col min="8" max="8" width="7.85546875" bestFit="1" customWidth="1"/>
    <col min="9" max="9" width="21.7109375" bestFit="1" customWidth="1"/>
    <col min="10" max="10" width="12.42578125" bestFit="1" customWidth="1"/>
    <col min="11" max="11" width="7.7109375" bestFit="1" customWidth="1"/>
    <col min="12" max="12" width="21.140625" bestFit="1" customWidth="1"/>
    <col min="13" max="13" width="12.28515625" bestFit="1" customWidth="1"/>
    <col min="14" max="14" width="7.7109375" bestFit="1" customWidth="1"/>
  </cols>
  <sheetData>
    <row r="3" spans="1:14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</row>
    <row r="4" spans="1:14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</row>
    <row r="5" spans="1:14" x14ac:dyDescent="0.25">
      <c r="A5" s="10" t="s">
        <v>89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</row>
    <row r="6" spans="1:14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</row>
    <row r="7" spans="1:14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</row>
    <row r="9" spans="1:14" x14ac:dyDescent="0.25">
      <c r="A9" s="11" t="s">
        <v>90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</row>
    <row r="10" spans="1:14" x14ac:dyDescent="0.25">
      <c r="A10" s="12" t="s">
        <v>6</v>
      </c>
      <c r="B10" s="12" t="s">
        <v>91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14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14" x14ac:dyDescent="0.25">
      <c r="A12" s="5" t="s">
        <v>24</v>
      </c>
      <c r="B12" s="7" t="s">
        <v>97</v>
      </c>
      <c r="C12" s="13">
        <v>8798343085.3099995</v>
      </c>
      <c r="D12" s="13">
        <v>8804315444.3199997</v>
      </c>
      <c r="E12" s="13">
        <v>9001761308.0300007</v>
      </c>
      <c r="F12" s="13">
        <v>8864766970.5</v>
      </c>
    </row>
    <row r="13" spans="1:14" x14ac:dyDescent="0.25">
      <c r="A13" s="4" t="s">
        <v>26</v>
      </c>
      <c r="B13" s="6" t="s">
        <v>98</v>
      </c>
      <c r="C13" s="14">
        <v>0</v>
      </c>
      <c r="D13" s="14">
        <v>0</v>
      </c>
      <c r="E13" s="14">
        <v>0</v>
      </c>
      <c r="F13" s="14">
        <v>0</v>
      </c>
    </row>
    <row r="14" spans="1:14" x14ac:dyDescent="0.25">
      <c r="A14" s="5" t="s">
        <v>28</v>
      </c>
      <c r="B14" s="7" t="s">
        <v>99</v>
      </c>
      <c r="C14" s="13">
        <v>8194862681.9200001</v>
      </c>
      <c r="D14" s="13">
        <v>8239940859.9300003</v>
      </c>
      <c r="E14" s="13">
        <v>8495137578.3000002</v>
      </c>
      <c r="F14" s="13">
        <v>8401989300.0100002</v>
      </c>
    </row>
    <row r="15" spans="1:14" x14ac:dyDescent="0.25">
      <c r="A15" s="5" t="s">
        <v>30</v>
      </c>
      <c r="B15" s="7" t="s">
        <v>100</v>
      </c>
      <c r="C15" s="13">
        <v>1935478191.21</v>
      </c>
      <c r="D15" s="13">
        <v>1960438070.55</v>
      </c>
      <c r="E15" s="13">
        <v>2153746593.1799998</v>
      </c>
      <c r="F15" s="13">
        <v>2036637926.97</v>
      </c>
    </row>
    <row r="16" spans="1:14" x14ac:dyDescent="0.25">
      <c r="A16" s="4" t="s">
        <v>32</v>
      </c>
      <c r="B16" s="6" t="s">
        <v>101</v>
      </c>
      <c r="C16" s="14">
        <v>859852492.40999997</v>
      </c>
      <c r="D16" s="14">
        <v>832754429.08000004</v>
      </c>
      <c r="E16" s="14">
        <v>809947752.37</v>
      </c>
      <c r="F16" s="14">
        <v>786947472.86000001</v>
      </c>
    </row>
    <row r="17" spans="1:6" x14ac:dyDescent="0.25">
      <c r="A17" s="4" t="s">
        <v>34</v>
      </c>
      <c r="B17" s="6" t="s">
        <v>102</v>
      </c>
      <c r="C17" s="14">
        <v>1075625698.8</v>
      </c>
      <c r="D17" s="14">
        <v>1127683641.47</v>
      </c>
      <c r="E17" s="14">
        <v>1343798840.8099999</v>
      </c>
      <c r="F17" s="14">
        <v>1249690454.1099999</v>
      </c>
    </row>
    <row r="18" spans="1:6" x14ac:dyDescent="0.25">
      <c r="A18" s="4" t="s">
        <v>36</v>
      </c>
      <c r="B18" s="6" t="s">
        <v>103</v>
      </c>
      <c r="C18" s="14">
        <v>6172016097.8000002</v>
      </c>
      <c r="D18" s="14">
        <v>6193944753.1800003</v>
      </c>
      <c r="E18" s="14">
        <v>6258464938.0500002</v>
      </c>
      <c r="F18" s="14">
        <v>6284932616.3699999</v>
      </c>
    </row>
    <row r="19" spans="1:6" x14ac:dyDescent="0.25">
      <c r="A19" s="5" t="s">
        <v>38</v>
      </c>
      <c r="B19" s="7" t="s">
        <v>104</v>
      </c>
      <c r="C19" s="13">
        <v>0</v>
      </c>
      <c r="D19" s="13">
        <v>0</v>
      </c>
      <c r="E19" s="13">
        <v>0</v>
      </c>
      <c r="F19" s="13">
        <v>0</v>
      </c>
    </row>
    <row r="20" spans="1:6" x14ac:dyDescent="0.25">
      <c r="A20" s="4" t="s">
        <v>40</v>
      </c>
      <c r="B20" s="6" t="s">
        <v>101</v>
      </c>
      <c r="C20" s="14">
        <v>0</v>
      </c>
      <c r="D20" s="14">
        <v>0</v>
      </c>
      <c r="E20" s="14">
        <v>0</v>
      </c>
      <c r="F20" s="14">
        <v>0</v>
      </c>
    </row>
    <row r="21" spans="1:6" x14ac:dyDescent="0.25">
      <c r="A21" s="4" t="s">
        <v>43</v>
      </c>
      <c r="B21" s="6" t="s">
        <v>102</v>
      </c>
      <c r="C21" s="14">
        <v>0</v>
      </c>
      <c r="D21" s="14">
        <v>0</v>
      </c>
      <c r="E21" s="14">
        <v>0</v>
      </c>
      <c r="F21" s="14">
        <v>0</v>
      </c>
    </row>
    <row r="22" spans="1:6" x14ac:dyDescent="0.25">
      <c r="A22" s="5" t="s">
        <v>45</v>
      </c>
      <c r="B22" s="7" t="s">
        <v>105</v>
      </c>
      <c r="C22" s="13">
        <v>87368392.909999996</v>
      </c>
      <c r="D22" s="13">
        <v>85558036.200000003</v>
      </c>
      <c r="E22" s="13">
        <v>82926047.069999993</v>
      </c>
      <c r="F22" s="13">
        <v>80418756.670000002</v>
      </c>
    </row>
    <row r="23" spans="1:6" x14ac:dyDescent="0.25">
      <c r="A23" s="4" t="s">
        <v>47</v>
      </c>
      <c r="B23" s="6" t="s">
        <v>106</v>
      </c>
      <c r="C23" s="14">
        <v>0</v>
      </c>
      <c r="D23" s="14">
        <v>0</v>
      </c>
      <c r="E23" s="14">
        <v>0</v>
      </c>
      <c r="F23" s="14">
        <v>0</v>
      </c>
    </row>
    <row r="24" spans="1:6" x14ac:dyDescent="0.25">
      <c r="A24" s="4" t="s">
        <v>49</v>
      </c>
      <c r="B24" s="6" t="s">
        <v>107</v>
      </c>
      <c r="C24" s="14">
        <v>12438625.119999999</v>
      </c>
      <c r="D24" s="14">
        <v>12240247.800000001</v>
      </c>
      <c r="E24" s="14">
        <v>11185561.52</v>
      </c>
      <c r="F24" s="14">
        <v>10559022.460000001</v>
      </c>
    </row>
    <row r="25" spans="1:6" x14ac:dyDescent="0.25">
      <c r="A25" s="4" t="s">
        <v>51</v>
      </c>
      <c r="B25" s="6" t="s">
        <v>108</v>
      </c>
      <c r="C25" s="14">
        <v>74929767.790000007</v>
      </c>
      <c r="D25" s="14">
        <v>73317788.400000006</v>
      </c>
      <c r="E25" s="14">
        <v>71740485.549999997</v>
      </c>
      <c r="F25" s="14">
        <v>69859734.209999993</v>
      </c>
    </row>
    <row r="26" spans="1:6" x14ac:dyDescent="0.25">
      <c r="A26" s="4" t="s">
        <v>53</v>
      </c>
      <c r="B26" s="6" t="s">
        <v>109</v>
      </c>
      <c r="C26" s="14">
        <v>0</v>
      </c>
      <c r="D26" s="14">
        <v>0</v>
      </c>
      <c r="E26" s="14">
        <v>0</v>
      </c>
      <c r="F26" s="14">
        <v>0</v>
      </c>
    </row>
    <row r="27" spans="1:6" x14ac:dyDescent="0.25">
      <c r="A27" s="4" t="s">
        <v>55</v>
      </c>
      <c r="B27" s="6" t="s">
        <v>110</v>
      </c>
      <c r="C27" s="14">
        <v>0</v>
      </c>
      <c r="D27" s="14">
        <v>0</v>
      </c>
      <c r="E27" s="14">
        <v>0</v>
      </c>
      <c r="F27" s="14">
        <v>0</v>
      </c>
    </row>
    <row r="28" spans="1:6" x14ac:dyDescent="0.25">
      <c r="A28" s="4" t="s">
        <v>60</v>
      </c>
      <c r="B28" s="6" t="s">
        <v>111</v>
      </c>
      <c r="C28" s="14">
        <v>0</v>
      </c>
      <c r="D28" s="14">
        <v>0</v>
      </c>
      <c r="E28" s="14">
        <v>0</v>
      </c>
      <c r="F28" s="14">
        <v>0</v>
      </c>
    </row>
    <row r="29" spans="1:6" x14ac:dyDescent="0.25">
      <c r="A29" s="4" t="s">
        <v>62</v>
      </c>
      <c r="B29" s="6" t="s">
        <v>112</v>
      </c>
      <c r="C29" s="14">
        <v>603480403.38999999</v>
      </c>
      <c r="D29" s="14">
        <v>564374584.38999999</v>
      </c>
      <c r="E29" s="14">
        <v>506623729.73000002</v>
      </c>
      <c r="F29" s="14">
        <v>462777670.49000001</v>
      </c>
    </row>
    <row r="30" spans="1:6" x14ac:dyDescent="0.25">
      <c r="A30" s="4" t="s">
        <v>64</v>
      </c>
      <c r="B30" s="6" t="s">
        <v>113</v>
      </c>
      <c r="C30" s="14">
        <v>0</v>
      </c>
      <c r="D30" s="14">
        <v>0</v>
      </c>
      <c r="E30" s="14">
        <v>0</v>
      </c>
      <c r="F30" s="14">
        <v>0</v>
      </c>
    </row>
    <row r="31" spans="1:6" x14ac:dyDescent="0.25">
      <c r="A31" s="5" t="s">
        <v>66</v>
      </c>
      <c r="B31" s="7" t="s">
        <v>114</v>
      </c>
      <c r="C31" s="13">
        <v>763975709.84000003</v>
      </c>
      <c r="D31" s="13">
        <v>1441709468.9000001</v>
      </c>
      <c r="E31" s="13">
        <v>1188903713.79</v>
      </c>
      <c r="F31" s="13">
        <v>1144092567.0899999</v>
      </c>
    </row>
    <row r="32" spans="1:6" x14ac:dyDescent="0.25">
      <c r="A32" s="5" t="s">
        <v>68</v>
      </c>
      <c r="B32" s="7" t="s">
        <v>115</v>
      </c>
      <c r="C32" s="13">
        <v>763975709.84000003</v>
      </c>
      <c r="D32" s="13">
        <v>1441709468.9000001</v>
      </c>
      <c r="E32" s="13">
        <v>1188903713.79</v>
      </c>
      <c r="F32" s="13">
        <v>900483899.20000005</v>
      </c>
    </row>
    <row r="33" spans="1:6" x14ac:dyDescent="0.25">
      <c r="A33" s="4" t="s">
        <v>70</v>
      </c>
      <c r="B33" s="6" t="s">
        <v>116</v>
      </c>
      <c r="C33" s="14">
        <v>1445376794.3800001</v>
      </c>
      <c r="D33" s="14">
        <v>1584706511.6800001</v>
      </c>
      <c r="E33" s="14">
        <v>1298074013.8599999</v>
      </c>
      <c r="F33" s="14">
        <v>1499693443.22</v>
      </c>
    </row>
    <row r="34" spans="1:6" x14ac:dyDescent="0.25">
      <c r="A34" s="4" t="s">
        <v>72</v>
      </c>
      <c r="B34" s="6" t="s">
        <v>117</v>
      </c>
      <c r="C34" s="14">
        <v>681401084.53999996</v>
      </c>
      <c r="D34" s="14">
        <v>142997042.78</v>
      </c>
      <c r="E34" s="14">
        <v>109170300.06999999</v>
      </c>
      <c r="F34" s="14">
        <v>599209544.01999998</v>
      </c>
    </row>
    <row r="35" spans="1:6" x14ac:dyDescent="0.25">
      <c r="A35" s="4" t="s">
        <v>87</v>
      </c>
      <c r="B35" s="6" t="s">
        <v>118</v>
      </c>
      <c r="C35" s="14">
        <v>0</v>
      </c>
      <c r="D35" s="14">
        <v>0</v>
      </c>
      <c r="E35" s="14">
        <v>0</v>
      </c>
      <c r="F35" s="14">
        <v>243608667.88999999</v>
      </c>
    </row>
    <row r="36" spans="1:6" x14ac:dyDescent="0.25">
      <c r="A36" s="5" t="s">
        <v>119</v>
      </c>
      <c r="B36" s="7" t="s">
        <v>120</v>
      </c>
      <c r="C36" s="13">
        <v>8034367375.4700003</v>
      </c>
      <c r="D36" s="13">
        <v>7362605975.4200001</v>
      </c>
      <c r="E36" s="13">
        <v>7812857594.2399998</v>
      </c>
      <c r="F36" s="13">
        <v>7720674403.4099998</v>
      </c>
    </row>
    <row r="37" spans="1:6" x14ac:dyDescent="0.25">
      <c r="A37" s="4" t="s">
        <v>121</v>
      </c>
      <c r="B37" s="6" t="s">
        <v>122</v>
      </c>
      <c r="C37" s="14">
        <v>9747254504.2000008</v>
      </c>
      <c r="D37" s="14">
        <v>10151299321.780001</v>
      </c>
      <c r="E37" s="14">
        <v>10552369862.629999</v>
      </c>
      <c r="F37" s="14">
        <v>10739608262.85</v>
      </c>
    </row>
    <row r="38" spans="1:6" x14ac:dyDescent="0.25">
      <c r="A38" s="4" t="s">
        <v>123</v>
      </c>
      <c r="B38" s="6" t="s">
        <v>124</v>
      </c>
      <c r="C38" s="14">
        <v>90.26</v>
      </c>
      <c r="D38" s="14">
        <v>86.73</v>
      </c>
      <c r="E38" s="14">
        <v>85.31</v>
      </c>
      <c r="F38" s="14">
        <v>82.54</v>
      </c>
    </row>
    <row r="39" spans="1:6" x14ac:dyDescent="0.25">
      <c r="A39" s="4" t="s">
        <v>125</v>
      </c>
      <c r="B39" s="6" t="s">
        <v>126</v>
      </c>
      <c r="C39" s="14">
        <v>82.43</v>
      </c>
      <c r="D39" s="14">
        <v>72.53</v>
      </c>
      <c r="E39" s="14">
        <v>74.040000000000006</v>
      </c>
      <c r="F39" s="14">
        <v>71.89</v>
      </c>
    </row>
    <row r="40" spans="1:6" x14ac:dyDescent="0.25">
      <c r="A40" s="4" t="s">
        <v>127</v>
      </c>
      <c r="B40" s="6" t="s">
        <v>128</v>
      </c>
      <c r="C40" s="14">
        <v>19494509008.400002</v>
      </c>
      <c r="D40" s="14">
        <v>20302598643.560001</v>
      </c>
      <c r="E40" s="14">
        <v>21104739725.259998</v>
      </c>
      <c r="F40" s="14">
        <v>21479216525.700001</v>
      </c>
    </row>
    <row r="41" spans="1:6" x14ac:dyDescent="0.25">
      <c r="A41" s="4" t="s">
        <v>129</v>
      </c>
      <c r="B41" s="6" t="s">
        <v>130</v>
      </c>
      <c r="C41" s="14">
        <v>17545058107.560001</v>
      </c>
      <c r="D41" s="14">
        <v>18272338779.200001</v>
      </c>
      <c r="E41" s="14">
        <v>18994265752.73</v>
      </c>
      <c r="F41" s="14">
        <v>19331294873.130001</v>
      </c>
    </row>
    <row r="43" spans="1:6" x14ac:dyDescent="0.25">
      <c r="A43" s="12" t="s">
        <v>6</v>
      </c>
      <c r="B43" s="12" t="s">
        <v>131</v>
      </c>
      <c r="C43" s="12" t="s">
        <v>92</v>
      </c>
      <c r="D43" s="12" t="s">
        <v>93</v>
      </c>
      <c r="E43" s="12" t="s">
        <v>7</v>
      </c>
      <c r="F43" s="12" t="s">
        <v>93</v>
      </c>
    </row>
    <row r="44" spans="1:6" ht="21" x14ac:dyDescent="0.25">
      <c r="A44" s="12" t="s">
        <v>7</v>
      </c>
      <c r="B44" s="12" t="s">
        <v>7</v>
      </c>
      <c r="C44" s="12" t="s">
        <v>7</v>
      </c>
      <c r="D44" s="1" t="s">
        <v>94</v>
      </c>
      <c r="E44" s="1" t="s">
        <v>95</v>
      </c>
      <c r="F44" s="1" t="s">
        <v>96</v>
      </c>
    </row>
    <row r="45" spans="1:6" x14ac:dyDescent="0.25">
      <c r="A45" s="4" t="s">
        <v>132</v>
      </c>
      <c r="B45" s="6" t="s">
        <v>133</v>
      </c>
      <c r="C45" s="14">
        <v>0</v>
      </c>
      <c r="D45" s="14">
        <v>0</v>
      </c>
      <c r="E45" s="14">
        <v>0</v>
      </c>
      <c r="F45" s="14">
        <v>0</v>
      </c>
    </row>
    <row r="46" spans="1:6" x14ac:dyDescent="0.25">
      <c r="A46" s="4" t="s">
        <v>134</v>
      </c>
      <c r="B46" s="6" t="s">
        <v>135</v>
      </c>
      <c r="C46" s="14">
        <v>0</v>
      </c>
      <c r="D46" s="14">
        <v>0</v>
      </c>
      <c r="E46" s="14">
        <v>0</v>
      </c>
      <c r="F46" s="14">
        <v>0</v>
      </c>
    </row>
    <row r="47" spans="1:6" x14ac:dyDescent="0.25">
      <c r="A47" s="4" t="s">
        <v>136</v>
      </c>
      <c r="B47" s="6" t="s">
        <v>137</v>
      </c>
      <c r="C47" s="14">
        <v>264423241.13999999</v>
      </c>
      <c r="D47" s="14">
        <v>264423241.13999999</v>
      </c>
      <c r="E47" s="14">
        <v>19927422999.98</v>
      </c>
      <c r="F47" s="14">
        <v>19927422999.98</v>
      </c>
    </row>
    <row r="48" spans="1:6" x14ac:dyDescent="0.25">
      <c r="A48" s="4" t="s">
        <v>138</v>
      </c>
      <c r="B48" s="6" t="s">
        <v>139</v>
      </c>
      <c r="C48" s="14">
        <v>0</v>
      </c>
      <c r="D48" s="14">
        <v>0</v>
      </c>
      <c r="E48" s="14">
        <v>0</v>
      </c>
      <c r="F48" s="14">
        <v>0</v>
      </c>
    </row>
    <row r="49" spans="1:14" x14ac:dyDescent="0.25">
      <c r="A49" s="4" t="s">
        <v>140</v>
      </c>
      <c r="B49" s="6" t="s">
        <v>141</v>
      </c>
      <c r="C49" s="14">
        <v>0</v>
      </c>
      <c r="D49" s="14">
        <v>0</v>
      </c>
      <c r="E49" s="14">
        <v>0</v>
      </c>
      <c r="F49" s="14">
        <v>0</v>
      </c>
    </row>
    <row r="50" spans="1:14" x14ac:dyDescent="0.25">
      <c r="A50" s="4" t="s">
        <v>142</v>
      </c>
      <c r="B50" s="6" t="s">
        <v>143</v>
      </c>
      <c r="C50" s="14">
        <v>2144243.83</v>
      </c>
      <c r="D50" s="14">
        <v>207026563.13999999</v>
      </c>
      <c r="E50" s="14">
        <v>123053461.34</v>
      </c>
      <c r="F50" s="14">
        <v>63425563.93</v>
      </c>
    </row>
    <row r="51" spans="1:14" x14ac:dyDescent="0.25">
      <c r="A51" s="4" t="s">
        <v>144</v>
      </c>
      <c r="B51" s="6" t="s">
        <v>145</v>
      </c>
      <c r="C51" s="14">
        <v>0</v>
      </c>
      <c r="D51" s="14">
        <v>0</v>
      </c>
      <c r="E51" s="14">
        <v>0</v>
      </c>
      <c r="F51" s="14">
        <v>0</v>
      </c>
    </row>
    <row r="52" spans="1:14" x14ac:dyDescent="0.25">
      <c r="A52" s="4" t="s">
        <v>146</v>
      </c>
      <c r="B52" s="6" t="s">
        <v>147</v>
      </c>
      <c r="C52" s="14">
        <v>0</v>
      </c>
      <c r="D52" s="14">
        <v>0</v>
      </c>
      <c r="E52" s="14">
        <v>0</v>
      </c>
      <c r="F52" s="14">
        <v>0</v>
      </c>
    </row>
    <row r="53" spans="1:14" x14ac:dyDescent="0.25">
      <c r="A53" s="4" t="s">
        <v>148</v>
      </c>
      <c r="B53" s="6" t="s">
        <v>149</v>
      </c>
      <c r="C53" s="14">
        <v>0</v>
      </c>
      <c r="D53" s="14">
        <v>0</v>
      </c>
      <c r="E53" s="14">
        <v>0</v>
      </c>
      <c r="F53" s="14">
        <v>0</v>
      </c>
    </row>
    <row r="55" spans="1:14" x14ac:dyDescent="0.25">
      <c r="A55" s="12" t="s">
        <v>6</v>
      </c>
      <c r="B55" s="12" t="s">
        <v>150</v>
      </c>
      <c r="C55" s="12" t="s">
        <v>151</v>
      </c>
      <c r="D55" s="12" t="s">
        <v>7</v>
      </c>
      <c r="E55" s="12" t="s">
        <v>7</v>
      </c>
      <c r="F55" s="12" t="s">
        <v>154</v>
      </c>
      <c r="G55" s="12" t="s">
        <v>7</v>
      </c>
      <c r="H55" s="12" t="s">
        <v>7</v>
      </c>
      <c r="I55" s="12" t="s">
        <v>158</v>
      </c>
      <c r="J55" s="12" t="s">
        <v>7</v>
      </c>
      <c r="K55" s="12" t="s">
        <v>7</v>
      </c>
      <c r="L55" s="12" t="s">
        <v>162</v>
      </c>
      <c r="M55" s="12" t="s">
        <v>7</v>
      </c>
      <c r="N55" s="12" t="s">
        <v>162</v>
      </c>
    </row>
    <row r="56" spans="1:14" ht="21" x14ac:dyDescent="0.25">
      <c r="A56" s="12" t="s">
        <v>7</v>
      </c>
      <c r="B56" s="12" t="s">
        <v>7</v>
      </c>
      <c r="C56" s="1" t="s">
        <v>76</v>
      </c>
      <c r="D56" s="1" t="s">
        <v>152</v>
      </c>
      <c r="E56" s="1" t="s">
        <v>153</v>
      </c>
      <c r="F56" s="1" t="s">
        <v>155</v>
      </c>
      <c r="G56" s="1" t="s">
        <v>156</v>
      </c>
      <c r="H56" s="1" t="s">
        <v>157</v>
      </c>
      <c r="I56" s="1" t="s">
        <v>159</v>
      </c>
      <c r="J56" s="1" t="s">
        <v>160</v>
      </c>
      <c r="K56" s="1" t="s">
        <v>161</v>
      </c>
      <c r="L56" s="1" t="s">
        <v>163</v>
      </c>
      <c r="M56" s="1" t="s">
        <v>164</v>
      </c>
      <c r="N56" s="1" t="s">
        <v>165</v>
      </c>
    </row>
    <row r="57" spans="1:14" x14ac:dyDescent="0.25">
      <c r="A57" s="4" t="s">
        <v>166</v>
      </c>
      <c r="B57" s="6" t="s">
        <v>167</v>
      </c>
      <c r="C57" s="2" t="s">
        <v>42</v>
      </c>
      <c r="D57" s="2" t="s">
        <v>42</v>
      </c>
      <c r="E57" s="2" t="s">
        <v>42</v>
      </c>
      <c r="F57" s="2" t="s">
        <v>42</v>
      </c>
      <c r="G57" s="2" t="s">
        <v>42</v>
      </c>
      <c r="H57" s="2" t="s">
        <v>42</v>
      </c>
      <c r="I57" s="2" t="s">
        <v>42</v>
      </c>
      <c r="J57" s="2" t="s">
        <v>42</v>
      </c>
      <c r="K57" s="2" t="s">
        <v>42</v>
      </c>
      <c r="L57" s="2" t="s">
        <v>42</v>
      </c>
      <c r="M57" s="2" t="s">
        <v>42</v>
      </c>
      <c r="N57" s="2" t="s">
        <v>42</v>
      </c>
    </row>
    <row r="59" spans="1:14" x14ac:dyDescent="0.25">
      <c r="A59" s="12" t="s">
        <v>6</v>
      </c>
      <c r="B59" s="12" t="s">
        <v>168</v>
      </c>
      <c r="C59" s="12" t="s">
        <v>169</v>
      </c>
      <c r="D59" s="12" t="s">
        <v>7</v>
      </c>
      <c r="E59" s="12" t="s">
        <v>7</v>
      </c>
      <c r="F59" s="12" t="s">
        <v>173</v>
      </c>
      <c r="G59" s="12" t="s">
        <v>7</v>
      </c>
      <c r="H59" s="12" t="s">
        <v>7</v>
      </c>
      <c r="I59" s="12" t="s">
        <v>177</v>
      </c>
      <c r="J59" s="12" t="s">
        <v>7</v>
      </c>
      <c r="K59" s="12" t="s">
        <v>7</v>
      </c>
      <c r="L59" s="12" t="s">
        <v>178</v>
      </c>
      <c r="M59" s="12" t="s">
        <v>7</v>
      </c>
      <c r="N59" s="12" t="s">
        <v>178</v>
      </c>
    </row>
    <row r="60" spans="1:14" x14ac:dyDescent="0.25">
      <c r="A60" s="12" t="s">
        <v>7</v>
      </c>
      <c r="B60" s="12" t="s">
        <v>7</v>
      </c>
      <c r="C60" s="1" t="s">
        <v>170</v>
      </c>
      <c r="D60" s="1" t="s">
        <v>171</v>
      </c>
      <c r="E60" s="1" t="s">
        <v>172</v>
      </c>
      <c r="F60" s="1" t="s">
        <v>174</v>
      </c>
      <c r="G60" s="1" t="s">
        <v>175</v>
      </c>
      <c r="H60" s="1" t="s">
        <v>176</v>
      </c>
      <c r="I60" s="1" t="s">
        <v>174</v>
      </c>
      <c r="J60" s="1" t="s">
        <v>175</v>
      </c>
      <c r="K60" s="1" t="s">
        <v>176</v>
      </c>
      <c r="L60" s="1" t="s">
        <v>174</v>
      </c>
      <c r="M60" s="1" t="s">
        <v>175</v>
      </c>
      <c r="N60" s="1" t="s">
        <v>176</v>
      </c>
    </row>
    <row r="61" spans="1:14" x14ac:dyDescent="0.25">
      <c r="A61" s="4" t="s">
        <v>179</v>
      </c>
      <c r="B61" s="6" t="s">
        <v>180</v>
      </c>
      <c r="C61" s="2" t="s">
        <v>42</v>
      </c>
      <c r="D61" s="2" t="s">
        <v>42</v>
      </c>
      <c r="E61" s="2" t="s">
        <v>42</v>
      </c>
      <c r="F61" s="2" t="s">
        <v>42</v>
      </c>
      <c r="G61" s="2" t="s">
        <v>42</v>
      </c>
      <c r="H61" s="2" t="s">
        <v>42</v>
      </c>
      <c r="I61" s="2" t="s">
        <v>42</v>
      </c>
      <c r="J61" s="2" t="s">
        <v>42</v>
      </c>
      <c r="K61" s="2" t="s">
        <v>42</v>
      </c>
      <c r="L61" s="2" t="s">
        <v>42</v>
      </c>
      <c r="M61" s="2" t="s">
        <v>42</v>
      </c>
      <c r="N61" s="2" t="s">
        <v>42</v>
      </c>
    </row>
    <row r="62" spans="1:14" x14ac:dyDescent="0.25">
      <c r="A62" s="4" t="s">
        <v>181</v>
      </c>
      <c r="B62" s="6" t="s">
        <v>182</v>
      </c>
      <c r="C62" s="2" t="s">
        <v>42</v>
      </c>
      <c r="D62" s="2" t="s">
        <v>42</v>
      </c>
      <c r="E62" s="2" t="s">
        <v>42</v>
      </c>
      <c r="F62" s="2" t="s">
        <v>42</v>
      </c>
      <c r="G62" s="2" t="s">
        <v>42</v>
      </c>
      <c r="H62" s="2" t="s">
        <v>42</v>
      </c>
      <c r="I62" s="2" t="s">
        <v>42</v>
      </c>
      <c r="J62" s="2" t="s">
        <v>42</v>
      </c>
      <c r="K62" s="2" t="s">
        <v>42</v>
      </c>
      <c r="L62" s="2" t="s">
        <v>42</v>
      </c>
      <c r="M62" s="2" t="s">
        <v>42</v>
      </c>
      <c r="N62" s="2" t="s">
        <v>42</v>
      </c>
    </row>
    <row r="64" spans="1:14" x14ac:dyDescent="0.25">
      <c r="A64" s="12" t="s">
        <v>6</v>
      </c>
      <c r="B64" s="12" t="s">
        <v>183</v>
      </c>
      <c r="C64" s="12" t="s">
        <v>184</v>
      </c>
      <c r="D64" s="12" t="s">
        <v>7</v>
      </c>
      <c r="E64" s="12" t="s">
        <v>7</v>
      </c>
      <c r="F64" s="12" t="s">
        <v>185</v>
      </c>
      <c r="G64" s="12" t="s">
        <v>7</v>
      </c>
      <c r="H64" s="12" t="s">
        <v>7</v>
      </c>
      <c r="I64" s="12" t="s">
        <v>186</v>
      </c>
      <c r="J64" s="12" t="s">
        <v>7</v>
      </c>
      <c r="K64" s="12" t="s">
        <v>7</v>
      </c>
      <c r="L64" s="12" t="s">
        <v>187</v>
      </c>
      <c r="M64" s="12" t="s">
        <v>7</v>
      </c>
      <c r="N64" s="12" t="s">
        <v>187</v>
      </c>
    </row>
    <row r="65" spans="1:14" x14ac:dyDescent="0.25">
      <c r="A65" s="12" t="s">
        <v>7</v>
      </c>
      <c r="B65" s="12" t="s">
        <v>7</v>
      </c>
      <c r="C65" s="1" t="s">
        <v>174</v>
      </c>
      <c r="D65" s="1" t="s">
        <v>175</v>
      </c>
      <c r="E65" s="1" t="s">
        <v>176</v>
      </c>
      <c r="F65" s="1" t="s">
        <v>174</v>
      </c>
      <c r="G65" s="1" t="s">
        <v>175</v>
      </c>
      <c r="H65" s="1" t="s">
        <v>176</v>
      </c>
      <c r="I65" s="1" t="s">
        <v>174</v>
      </c>
      <c r="J65" s="1" t="s">
        <v>175</v>
      </c>
      <c r="K65" s="1" t="s">
        <v>176</v>
      </c>
      <c r="L65" s="1" t="s">
        <v>174</v>
      </c>
      <c r="M65" s="1" t="s">
        <v>175</v>
      </c>
      <c r="N65" s="1" t="s">
        <v>176</v>
      </c>
    </row>
    <row r="66" spans="1:14" x14ac:dyDescent="0.25">
      <c r="A66" s="4" t="s">
        <v>188</v>
      </c>
      <c r="B66" s="6" t="s">
        <v>180</v>
      </c>
      <c r="C66" s="2" t="s">
        <v>42</v>
      </c>
      <c r="D66" s="2" t="s">
        <v>42</v>
      </c>
      <c r="E66" s="2" t="s">
        <v>42</v>
      </c>
      <c r="F66" s="2" t="s">
        <v>42</v>
      </c>
      <c r="G66" s="2" t="s">
        <v>42</v>
      </c>
      <c r="H66" s="2" t="s">
        <v>42</v>
      </c>
      <c r="I66" s="2" t="s">
        <v>42</v>
      </c>
      <c r="J66" s="2" t="s">
        <v>42</v>
      </c>
      <c r="K66" s="2" t="s">
        <v>42</v>
      </c>
      <c r="L66" s="2" t="s">
        <v>42</v>
      </c>
      <c r="M66" s="2" t="s">
        <v>42</v>
      </c>
      <c r="N66" s="2" t="s">
        <v>42</v>
      </c>
    </row>
    <row r="67" spans="1:14" x14ac:dyDescent="0.25">
      <c r="A67" s="4" t="s">
        <v>189</v>
      </c>
      <c r="B67" s="6" t="s">
        <v>182</v>
      </c>
      <c r="C67" s="2" t="s">
        <v>42</v>
      </c>
      <c r="D67" s="2" t="s">
        <v>42</v>
      </c>
      <c r="E67" s="2" t="s">
        <v>42</v>
      </c>
      <c r="F67" s="2" t="s">
        <v>42</v>
      </c>
      <c r="G67" s="2" t="s">
        <v>42</v>
      </c>
      <c r="H67" s="2" t="s">
        <v>42</v>
      </c>
      <c r="I67" s="2" t="s">
        <v>42</v>
      </c>
      <c r="J67" s="2" t="s">
        <v>42</v>
      </c>
      <c r="K67" s="2" t="s">
        <v>42</v>
      </c>
      <c r="L67" s="2" t="s">
        <v>42</v>
      </c>
      <c r="M67" s="2" t="s">
        <v>42</v>
      </c>
      <c r="N67" s="2" t="s">
        <v>42</v>
      </c>
    </row>
    <row r="69" spans="1:14" x14ac:dyDescent="0.25">
      <c r="A69" s="12" t="s">
        <v>6</v>
      </c>
      <c r="B69" s="12" t="s">
        <v>168</v>
      </c>
      <c r="C69" s="12" t="s">
        <v>190</v>
      </c>
      <c r="D69" s="12" t="s">
        <v>7</v>
      </c>
      <c r="E69" s="12" t="s">
        <v>7</v>
      </c>
      <c r="F69" s="12" t="s">
        <v>191</v>
      </c>
      <c r="G69" s="12" t="s">
        <v>7</v>
      </c>
      <c r="H69" s="12" t="s">
        <v>7</v>
      </c>
      <c r="I69" s="12" t="s">
        <v>192</v>
      </c>
      <c r="J69" s="12" t="s">
        <v>7</v>
      </c>
      <c r="K69" s="12" t="s">
        <v>7</v>
      </c>
      <c r="L69" s="12" t="s">
        <v>193</v>
      </c>
      <c r="M69" s="12" t="s">
        <v>7</v>
      </c>
      <c r="N69" s="12" t="s">
        <v>193</v>
      </c>
    </row>
    <row r="70" spans="1:14" x14ac:dyDescent="0.25">
      <c r="A70" s="12" t="s">
        <v>7</v>
      </c>
      <c r="B70" s="12" t="s">
        <v>7</v>
      </c>
      <c r="C70" s="1" t="s">
        <v>174</v>
      </c>
      <c r="D70" s="1" t="s">
        <v>175</v>
      </c>
      <c r="E70" s="1" t="s">
        <v>176</v>
      </c>
      <c r="F70" s="1" t="s">
        <v>174</v>
      </c>
      <c r="G70" s="1" t="s">
        <v>175</v>
      </c>
      <c r="H70" s="1" t="s">
        <v>176</v>
      </c>
      <c r="I70" s="1" t="s">
        <v>174</v>
      </c>
      <c r="J70" s="1" t="s">
        <v>175</v>
      </c>
      <c r="K70" s="1" t="s">
        <v>176</v>
      </c>
      <c r="L70" s="1" t="s">
        <v>174</v>
      </c>
      <c r="M70" s="1" t="s">
        <v>175</v>
      </c>
      <c r="N70" s="1" t="s">
        <v>176</v>
      </c>
    </row>
    <row r="71" spans="1:14" x14ac:dyDescent="0.25">
      <c r="A71" s="4" t="s">
        <v>194</v>
      </c>
      <c r="B71" s="6" t="s">
        <v>180</v>
      </c>
      <c r="C71" s="2" t="s">
        <v>42</v>
      </c>
      <c r="D71" s="2" t="s">
        <v>42</v>
      </c>
      <c r="E71" s="2" t="s">
        <v>42</v>
      </c>
      <c r="F71" s="2" t="s">
        <v>42</v>
      </c>
      <c r="G71" s="2" t="s">
        <v>42</v>
      </c>
      <c r="H71" s="2" t="s">
        <v>42</v>
      </c>
      <c r="I71" s="2" t="s">
        <v>42</v>
      </c>
      <c r="J71" s="2" t="s">
        <v>42</v>
      </c>
      <c r="K71" s="2" t="s">
        <v>42</v>
      </c>
      <c r="L71" s="2" t="s">
        <v>42</v>
      </c>
      <c r="M71" s="2" t="s">
        <v>42</v>
      </c>
      <c r="N71" s="2" t="s">
        <v>42</v>
      </c>
    </row>
    <row r="72" spans="1:14" x14ac:dyDescent="0.25">
      <c r="A72" s="4" t="s">
        <v>195</v>
      </c>
      <c r="B72" s="6" t="s">
        <v>182</v>
      </c>
      <c r="C72" s="2" t="s">
        <v>42</v>
      </c>
      <c r="D72" s="2" t="s">
        <v>42</v>
      </c>
      <c r="E72" s="2" t="s">
        <v>42</v>
      </c>
      <c r="F72" s="2" t="s">
        <v>42</v>
      </c>
      <c r="G72" s="2" t="s">
        <v>42</v>
      </c>
      <c r="H72" s="2" t="s">
        <v>42</v>
      </c>
      <c r="I72" s="2" t="s">
        <v>42</v>
      </c>
      <c r="J72" s="2" t="s">
        <v>42</v>
      </c>
      <c r="K72" s="2" t="s">
        <v>42</v>
      </c>
      <c r="L72" s="2" t="s">
        <v>42</v>
      </c>
      <c r="M72" s="2" t="s">
        <v>42</v>
      </c>
      <c r="N72" s="2" t="s">
        <v>42</v>
      </c>
    </row>
    <row r="74" spans="1:14" x14ac:dyDescent="0.25">
      <c r="A74" s="12" t="s">
        <v>6</v>
      </c>
      <c r="B74" s="12" t="s">
        <v>183</v>
      </c>
      <c r="C74" s="12" t="s">
        <v>196</v>
      </c>
      <c r="D74" s="12" t="s">
        <v>7</v>
      </c>
      <c r="E74" s="12" t="s">
        <v>7</v>
      </c>
      <c r="F74" s="12" t="s">
        <v>197</v>
      </c>
      <c r="G74" s="12" t="s">
        <v>7</v>
      </c>
      <c r="H74" s="12" t="s">
        <v>7</v>
      </c>
      <c r="I74" s="12" t="s">
        <v>198</v>
      </c>
      <c r="J74" s="12" t="s">
        <v>7</v>
      </c>
      <c r="K74" s="12" t="s">
        <v>7</v>
      </c>
      <c r="L74" s="12" t="s">
        <v>199</v>
      </c>
      <c r="M74" s="12" t="s">
        <v>7</v>
      </c>
      <c r="N74" s="12" t="s">
        <v>199</v>
      </c>
    </row>
    <row r="75" spans="1:14" x14ac:dyDescent="0.25">
      <c r="A75" s="12" t="s">
        <v>7</v>
      </c>
      <c r="B75" s="12" t="s">
        <v>7</v>
      </c>
      <c r="C75" s="1" t="s">
        <v>174</v>
      </c>
      <c r="D75" s="1" t="s">
        <v>175</v>
      </c>
      <c r="E75" s="1" t="s">
        <v>176</v>
      </c>
      <c r="F75" s="1" t="s">
        <v>174</v>
      </c>
      <c r="G75" s="1" t="s">
        <v>175</v>
      </c>
      <c r="H75" s="1" t="s">
        <v>176</v>
      </c>
      <c r="I75" s="1" t="s">
        <v>174</v>
      </c>
      <c r="J75" s="1" t="s">
        <v>175</v>
      </c>
      <c r="K75" s="1" t="s">
        <v>176</v>
      </c>
      <c r="L75" s="1" t="s">
        <v>174</v>
      </c>
      <c r="M75" s="1" t="s">
        <v>175</v>
      </c>
      <c r="N75" s="1" t="s">
        <v>176</v>
      </c>
    </row>
    <row r="76" spans="1:14" x14ac:dyDescent="0.25">
      <c r="A76" s="4" t="s">
        <v>200</v>
      </c>
      <c r="B76" s="6" t="s">
        <v>180</v>
      </c>
      <c r="C76" s="2" t="s">
        <v>42</v>
      </c>
      <c r="D76" s="2" t="s">
        <v>42</v>
      </c>
      <c r="E76" s="2" t="s">
        <v>42</v>
      </c>
      <c r="F76" s="2" t="s">
        <v>42</v>
      </c>
      <c r="G76" s="2" t="s">
        <v>42</v>
      </c>
      <c r="H76" s="2" t="s">
        <v>42</v>
      </c>
      <c r="I76" s="2" t="s">
        <v>42</v>
      </c>
      <c r="J76" s="2" t="s">
        <v>42</v>
      </c>
      <c r="K76" s="2" t="s">
        <v>42</v>
      </c>
      <c r="L76" s="2" t="s">
        <v>42</v>
      </c>
      <c r="M76" s="2" t="s">
        <v>42</v>
      </c>
      <c r="N76" s="2" t="s">
        <v>42</v>
      </c>
    </row>
    <row r="77" spans="1:14" x14ac:dyDescent="0.25">
      <c r="A77" s="4" t="s">
        <v>201</v>
      </c>
      <c r="B77" s="6" t="s">
        <v>182</v>
      </c>
      <c r="C77" s="2" t="s">
        <v>42</v>
      </c>
      <c r="D77" s="2" t="s">
        <v>42</v>
      </c>
      <c r="E77" s="2" t="s">
        <v>42</v>
      </c>
      <c r="F77" s="2" t="s">
        <v>42</v>
      </c>
      <c r="G77" s="2" t="s">
        <v>42</v>
      </c>
      <c r="H77" s="2" t="s">
        <v>42</v>
      </c>
      <c r="I77" s="2" t="s">
        <v>42</v>
      </c>
      <c r="J77" s="2" t="s">
        <v>42</v>
      </c>
      <c r="K77" s="2" t="s">
        <v>42</v>
      </c>
      <c r="L77" s="2" t="s">
        <v>42</v>
      </c>
      <c r="M77" s="2" t="s">
        <v>42</v>
      </c>
      <c r="N77" s="2" t="s">
        <v>42</v>
      </c>
    </row>
  </sheetData>
  <mergeCells count="44">
    <mergeCell ref="L74:N74"/>
    <mergeCell ref="A74:A75"/>
    <mergeCell ref="B74:B75"/>
    <mergeCell ref="C74:E74"/>
    <mergeCell ref="F74:H74"/>
    <mergeCell ref="I74:K74"/>
    <mergeCell ref="L64:N64"/>
    <mergeCell ref="A69:A70"/>
    <mergeCell ref="B69:B70"/>
    <mergeCell ref="C69:E69"/>
    <mergeCell ref="F69:H69"/>
    <mergeCell ref="I69:K69"/>
    <mergeCell ref="L69:N69"/>
    <mergeCell ref="A64:A65"/>
    <mergeCell ref="B64:B65"/>
    <mergeCell ref="C64:E64"/>
    <mergeCell ref="F64:H64"/>
    <mergeCell ref="I64:K64"/>
    <mergeCell ref="I55:K55"/>
    <mergeCell ref="L55:N55"/>
    <mergeCell ref="A59:A60"/>
    <mergeCell ref="B59:B60"/>
    <mergeCell ref="C59:E59"/>
    <mergeCell ref="F59:H59"/>
    <mergeCell ref="I59:K59"/>
    <mergeCell ref="L59:N59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topLeftCell="A10" workbookViewId="0">
      <selection activeCell="F27" sqref="F27"/>
    </sheetView>
  </sheetViews>
  <sheetFormatPr defaultRowHeight="15" x14ac:dyDescent="0.25"/>
  <cols>
    <col min="1" max="1" width="2.7109375" bestFit="1" customWidth="1"/>
    <col min="2" max="2" width="49.7109375" bestFit="1" customWidth="1"/>
    <col min="3" max="3" width="16.85546875" bestFit="1" customWidth="1"/>
    <col min="4" max="6" width="18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202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203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204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6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6" x14ac:dyDescent="0.25">
      <c r="A12" s="5" t="s">
        <v>24</v>
      </c>
      <c r="B12" s="7" t="s">
        <v>205</v>
      </c>
      <c r="C12" s="13">
        <v>20781188.09</v>
      </c>
      <c r="D12" s="13">
        <v>21571649.640000001</v>
      </c>
      <c r="E12" s="13">
        <v>25511119.600000001</v>
      </c>
      <c r="F12" s="13">
        <v>0</v>
      </c>
    </row>
    <row r="13" spans="1:6" x14ac:dyDescent="0.25">
      <c r="A13" s="4" t="s">
        <v>26</v>
      </c>
      <c r="B13" s="6" t="s">
        <v>206</v>
      </c>
      <c r="C13" s="14">
        <v>0</v>
      </c>
      <c r="D13" s="14">
        <v>0</v>
      </c>
      <c r="E13" s="14">
        <v>0</v>
      </c>
      <c r="F13" s="14">
        <v>0</v>
      </c>
    </row>
    <row r="14" spans="1:6" x14ac:dyDescent="0.25">
      <c r="A14" s="4" t="s">
        <v>28</v>
      </c>
      <c r="B14" s="6" t="s">
        <v>207</v>
      </c>
      <c r="C14" s="14">
        <v>20781188.09</v>
      </c>
      <c r="D14" s="14">
        <v>21571649.640000001</v>
      </c>
      <c r="E14" s="14">
        <v>25511119.600000001</v>
      </c>
      <c r="F14" s="14">
        <v>0</v>
      </c>
    </row>
    <row r="15" spans="1:6" x14ac:dyDescent="0.25">
      <c r="A15" s="5" t="s">
        <v>30</v>
      </c>
      <c r="B15" s="7" t="s">
        <v>208</v>
      </c>
      <c r="C15" s="13">
        <v>0</v>
      </c>
      <c r="D15" s="13">
        <v>0</v>
      </c>
      <c r="E15" s="13">
        <v>0</v>
      </c>
      <c r="F15" s="13">
        <v>0</v>
      </c>
    </row>
    <row r="16" spans="1:6" x14ac:dyDescent="0.25">
      <c r="A16" s="4" t="s">
        <v>32</v>
      </c>
      <c r="B16" s="6" t="s">
        <v>206</v>
      </c>
      <c r="C16" s="14">
        <v>0</v>
      </c>
      <c r="D16" s="14">
        <v>0</v>
      </c>
      <c r="E16" s="14">
        <v>0</v>
      </c>
      <c r="F16" s="14">
        <v>0</v>
      </c>
    </row>
    <row r="17" spans="1:6" x14ac:dyDescent="0.25">
      <c r="A17" s="4" t="s">
        <v>34</v>
      </c>
      <c r="B17" s="6" t="s">
        <v>207</v>
      </c>
      <c r="C17" s="14">
        <v>0</v>
      </c>
      <c r="D17" s="14">
        <v>0</v>
      </c>
      <c r="E17" s="14">
        <v>0</v>
      </c>
      <c r="F17" s="14">
        <v>0</v>
      </c>
    </row>
    <row r="18" spans="1:6" x14ac:dyDescent="0.25">
      <c r="A18" s="5" t="s">
        <v>36</v>
      </c>
      <c r="B18" s="7" t="s">
        <v>209</v>
      </c>
      <c r="C18" s="13">
        <v>0</v>
      </c>
      <c r="D18" s="13">
        <v>0</v>
      </c>
      <c r="E18" s="13">
        <v>0</v>
      </c>
      <c r="F18" s="13">
        <v>23664779.059999999</v>
      </c>
    </row>
    <row r="19" spans="1:6" x14ac:dyDescent="0.25">
      <c r="A19" s="4" t="s">
        <v>38</v>
      </c>
      <c r="B19" s="6" t="s">
        <v>210</v>
      </c>
      <c r="C19" s="14">
        <v>0</v>
      </c>
      <c r="D19" s="14">
        <v>0</v>
      </c>
      <c r="E19" s="14">
        <v>0</v>
      </c>
      <c r="F19" s="14">
        <v>0</v>
      </c>
    </row>
    <row r="20" spans="1:6" x14ac:dyDescent="0.25">
      <c r="A20" s="4" t="s">
        <v>40</v>
      </c>
      <c r="B20" s="6" t="s">
        <v>207</v>
      </c>
      <c r="C20" s="14">
        <v>0</v>
      </c>
      <c r="D20" s="14">
        <v>0</v>
      </c>
      <c r="E20" s="14">
        <v>0</v>
      </c>
      <c r="F20" s="14">
        <v>23664779.059999999</v>
      </c>
    </row>
    <row r="21" spans="1:6" x14ac:dyDescent="0.25">
      <c r="A21" s="4" t="s">
        <v>43</v>
      </c>
      <c r="B21" s="6" t="s">
        <v>211</v>
      </c>
      <c r="C21" s="14">
        <v>0</v>
      </c>
      <c r="D21" s="14">
        <v>0</v>
      </c>
      <c r="E21" s="14">
        <v>0</v>
      </c>
      <c r="F21" s="14">
        <v>0</v>
      </c>
    </row>
    <row r="22" spans="1:6" x14ac:dyDescent="0.25">
      <c r="A22" s="5" t="s">
        <v>45</v>
      </c>
      <c r="B22" s="7" t="s">
        <v>212</v>
      </c>
      <c r="C22" s="13">
        <v>20781188.09</v>
      </c>
      <c r="D22" s="13">
        <v>21571649.640000001</v>
      </c>
      <c r="E22" s="13">
        <v>25511119.600000001</v>
      </c>
      <c r="F22" s="13">
        <v>23664779.059999999</v>
      </c>
    </row>
    <row r="23" spans="1:6" x14ac:dyDescent="0.25">
      <c r="A23" s="4" t="s">
        <v>47</v>
      </c>
      <c r="B23" s="6" t="s">
        <v>213</v>
      </c>
      <c r="C23" s="14">
        <v>9747254504.2000008</v>
      </c>
      <c r="D23" s="14">
        <v>10151299321.780001</v>
      </c>
      <c r="E23" s="14">
        <v>10552369862.629999</v>
      </c>
      <c r="F23" s="14">
        <v>10739608262.85</v>
      </c>
    </row>
    <row r="24" spans="1:6" x14ac:dyDescent="0.25">
      <c r="A24" s="4" t="s">
        <v>49</v>
      </c>
      <c r="B24" s="6" t="s">
        <v>214</v>
      </c>
      <c r="C24" s="14">
        <v>0.21</v>
      </c>
      <c r="D24" s="14">
        <v>0.21</v>
      </c>
      <c r="E24" s="14">
        <v>0.24</v>
      </c>
      <c r="F24" s="14">
        <v>0.22</v>
      </c>
    </row>
    <row r="25" spans="1:6" x14ac:dyDescent="0.25">
      <c r="A25" s="4" t="s">
        <v>51</v>
      </c>
      <c r="B25" s="6" t="s">
        <v>215</v>
      </c>
      <c r="C25" s="14">
        <v>2144395990.9200001</v>
      </c>
      <c r="D25" s="14">
        <v>2233285850.79</v>
      </c>
      <c r="E25" s="14">
        <v>2321521369.7800002</v>
      </c>
      <c r="F25" s="14">
        <v>2362713817.8299999</v>
      </c>
    </row>
    <row r="26" spans="1:6" x14ac:dyDescent="0.25">
      <c r="A26" s="4" t="s">
        <v>53</v>
      </c>
      <c r="B26" s="6" t="s">
        <v>216</v>
      </c>
      <c r="C26" s="14">
        <v>1929956391.8299999</v>
      </c>
      <c r="D26" s="14">
        <v>2009957265.71</v>
      </c>
      <c r="E26" s="14">
        <v>2089369232.8</v>
      </c>
      <c r="F26" s="14">
        <v>2126442436.04</v>
      </c>
    </row>
    <row r="28" spans="1:6" x14ac:dyDescent="0.25">
      <c r="A28" s="12" t="s">
        <v>6</v>
      </c>
      <c r="B28" s="12" t="s">
        <v>217</v>
      </c>
      <c r="C28" s="12" t="s">
        <v>92</v>
      </c>
      <c r="D28" s="12" t="s">
        <v>93</v>
      </c>
      <c r="E28" s="12" t="s">
        <v>7</v>
      </c>
      <c r="F28" s="12" t="s">
        <v>93</v>
      </c>
    </row>
    <row r="29" spans="1:6" ht="21" x14ac:dyDescent="0.25">
      <c r="A29" s="12" t="s">
        <v>7</v>
      </c>
      <c r="B29" s="12" t="s">
        <v>7</v>
      </c>
      <c r="C29" s="12" t="s">
        <v>7</v>
      </c>
      <c r="D29" s="1" t="s">
        <v>94</v>
      </c>
      <c r="E29" s="1" t="s">
        <v>95</v>
      </c>
      <c r="F29" s="1" t="s">
        <v>96</v>
      </c>
    </row>
    <row r="30" spans="1:6" x14ac:dyDescent="0.25">
      <c r="A30" s="5" t="s">
        <v>55</v>
      </c>
      <c r="B30" s="7" t="s">
        <v>218</v>
      </c>
      <c r="C30" s="3" t="s">
        <v>42</v>
      </c>
      <c r="D30" s="3" t="s">
        <v>42</v>
      </c>
      <c r="E30" s="3" t="s">
        <v>42</v>
      </c>
      <c r="F30" s="3" t="s">
        <v>42</v>
      </c>
    </row>
    <row r="31" spans="1:6" x14ac:dyDescent="0.25">
      <c r="A31" s="4" t="s">
        <v>60</v>
      </c>
      <c r="B31" s="6" t="s">
        <v>219</v>
      </c>
      <c r="C31" s="2" t="s">
        <v>42</v>
      </c>
      <c r="D31" s="2" t="s">
        <v>42</v>
      </c>
      <c r="E31" s="2" t="s">
        <v>42</v>
      </c>
      <c r="F31" s="2" t="s">
        <v>42</v>
      </c>
    </row>
    <row r="32" spans="1:6" x14ac:dyDescent="0.25">
      <c r="A32" s="4" t="s">
        <v>62</v>
      </c>
      <c r="B32" s="6" t="s">
        <v>220</v>
      </c>
      <c r="C32" s="2" t="s">
        <v>42</v>
      </c>
      <c r="D32" s="2" t="s">
        <v>42</v>
      </c>
      <c r="E32" s="2" t="s">
        <v>42</v>
      </c>
      <c r="F32" s="2" t="s">
        <v>42</v>
      </c>
    </row>
    <row r="33" spans="1:6" x14ac:dyDescent="0.25">
      <c r="A33" s="5" t="s">
        <v>64</v>
      </c>
      <c r="B33" s="7" t="s">
        <v>221</v>
      </c>
      <c r="C33" s="3" t="s">
        <v>42</v>
      </c>
      <c r="D33" s="3" t="s">
        <v>42</v>
      </c>
      <c r="E33" s="3" t="s">
        <v>42</v>
      </c>
      <c r="F33" s="3" t="s">
        <v>42</v>
      </c>
    </row>
    <row r="34" spans="1:6" x14ac:dyDescent="0.25">
      <c r="A34" s="4" t="s">
        <v>66</v>
      </c>
      <c r="B34" s="6" t="s">
        <v>219</v>
      </c>
      <c r="C34" s="2" t="s">
        <v>42</v>
      </c>
      <c r="D34" s="2" t="s">
        <v>42</v>
      </c>
      <c r="E34" s="2" t="s">
        <v>42</v>
      </c>
      <c r="F34" s="2" t="s">
        <v>42</v>
      </c>
    </row>
    <row r="35" spans="1:6" x14ac:dyDescent="0.25">
      <c r="A35" s="4" t="s">
        <v>68</v>
      </c>
      <c r="B35" s="6" t="s">
        <v>220</v>
      </c>
      <c r="C35" s="2" t="s">
        <v>42</v>
      </c>
      <c r="D35" s="2" t="s">
        <v>42</v>
      </c>
      <c r="E35" s="2" t="s">
        <v>42</v>
      </c>
      <c r="F35" s="2" t="s">
        <v>42</v>
      </c>
    </row>
    <row r="36" spans="1:6" x14ac:dyDescent="0.25">
      <c r="A36" s="5" t="s">
        <v>70</v>
      </c>
      <c r="B36" s="7" t="s">
        <v>222</v>
      </c>
      <c r="C36" s="3" t="s">
        <v>42</v>
      </c>
      <c r="D36" s="3" t="s">
        <v>42</v>
      </c>
      <c r="E36" s="3" t="s">
        <v>42</v>
      </c>
      <c r="F36" s="3" t="s">
        <v>42</v>
      </c>
    </row>
    <row r="37" spans="1:6" x14ac:dyDescent="0.25">
      <c r="A37" s="4" t="s">
        <v>72</v>
      </c>
      <c r="B37" s="6" t="s">
        <v>219</v>
      </c>
      <c r="C37" s="2" t="s">
        <v>42</v>
      </c>
      <c r="D37" s="2" t="s">
        <v>42</v>
      </c>
      <c r="E37" s="2" t="s">
        <v>42</v>
      </c>
      <c r="F37" s="2" t="s">
        <v>42</v>
      </c>
    </row>
    <row r="38" spans="1:6" x14ac:dyDescent="0.25">
      <c r="A38" s="4" t="s">
        <v>87</v>
      </c>
      <c r="B38" s="6" t="s">
        <v>220</v>
      </c>
      <c r="C38" s="2" t="s">
        <v>42</v>
      </c>
      <c r="D38" s="2" t="s">
        <v>42</v>
      </c>
      <c r="E38" s="2" t="s">
        <v>42</v>
      </c>
      <c r="F38" s="2" t="s">
        <v>42</v>
      </c>
    </row>
    <row r="39" spans="1:6" x14ac:dyDescent="0.25">
      <c r="A39" s="4" t="s">
        <v>119</v>
      </c>
      <c r="B39" s="6" t="s">
        <v>223</v>
      </c>
      <c r="C39" s="2" t="s">
        <v>42</v>
      </c>
      <c r="D39" s="2" t="s">
        <v>42</v>
      </c>
      <c r="E39" s="2" t="s">
        <v>42</v>
      </c>
      <c r="F39" s="2" t="s">
        <v>42</v>
      </c>
    </row>
    <row r="40" spans="1:6" x14ac:dyDescent="0.25">
      <c r="A40" s="5" t="s">
        <v>121</v>
      </c>
      <c r="B40" s="7" t="s">
        <v>224</v>
      </c>
      <c r="C40" s="3" t="s">
        <v>42</v>
      </c>
      <c r="D40" s="3" t="s">
        <v>42</v>
      </c>
      <c r="E40" s="3" t="s">
        <v>42</v>
      </c>
      <c r="F40" s="3" t="s">
        <v>42</v>
      </c>
    </row>
    <row r="42" spans="1:6" x14ac:dyDescent="0.25">
      <c r="A42" s="12" t="s">
        <v>6</v>
      </c>
      <c r="B42" s="12" t="s">
        <v>225</v>
      </c>
      <c r="C42" s="12" t="s">
        <v>226</v>
      </c>
    </row>
    <row r="43" spans="1:6" x14ac:dyDescent="0.25">
      <c r="A43" s="12" t="s">
        <v>7</v>
      </c>
      <c r="B43" s="12" t="s">
        <v>7</v>
      </c>
      <c r="C43" s="12" t="s">
        <v>7</v>
      </c>
    </row>
    <row r="44" spans="1:6" x14ac:dyDescent="0.25">
      <c r="A44" s="4" t="s">
        <v>123</v>
      </c>
      <c r="B44" s="6" t="s">
        <v>225</v>
      </c>
      <c r="C44" s="2" t="s">
        <v>42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workbookViewId="0">
      <selection activeCell="D39" sqref="D39"/>
    </sheetView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27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28</v>
      </c>
      <c r="B9" s="9"/>
      <c r="C9" s="9"/>
      <c r="D9" s="9"/>
    </row>
    <row r="10" spans="1:4" x14ac:dyDescent="0.25">
      <c r="A10" s="12" t="s">
        <v>6</v>
      </c>
      <c r="B10" s="12" t="s">
        <v>229</v>
      </c>
      <c r="C10" s="12" t="s">
        <v>230</v>
      </c>
      <c r="D10" s="12" t="s">
        <v>230</v>
      </c>
    </row>
    <row r="11" spans="1:4" ht="21" x14ac:dyDescent="0.25">
      <c r="A11" s="12" t="s">
        <v>7</v>
      </c>
      <c r="B11" s="12" t="s">
        <v>7</v>
      </c>
      <c r="C11" s="1" t="s">
        <v>231</v>
      </c>
      <c r="D11" s="1" t="s">
        <v>232</v>
      </c>
    </row>
    <row r="12" spans="1:4" x14ac:dyDescent="0.25">
      <c r="A12" s="5" t="s">
        <v>24</v>
      </c>
      <c r="B12" s="7" t="s">
        <v>233</v>
      </c>
      <c r="C12" s="13">
        <v>0</v>
      </c>
      <c r="D12" s="13">
        <v>0</v>
      </c>
    </row>
    <row r="13" spans="1:4" x14ac:dyDescent="0.25">
      <c r="A13" s="4" t="s">
        <v>26</v>
      </c>
      <c r="B13" s="6" t="s">
        <v>234</v>
      </c>
      <c r="C13" s="14">
        <v>0</v>
      </c>
      <c r="D13" s="14">
        <v>0</v>
      </c>
    </row>
    <row r="14" spans="1:4" x14ac:dyDescent="0.25">
      <c r="A14" s="4" t="s">
        <v>28</v>
      </c>
      <c r="B14" s="6" t="s">
        <v>235</v>
      </c>
      <c r="C14" s="14">
        <v>0</v>
      </c>
      <c r="D14" s="14">
        <v>0</v>
      </c>
    </row>
    <row r="15" spans="1:4" x14ac:dyDescent="0.25">
      <c r="A15" s="5" t="s">
        <v>30</v>
      </c>
      <c r="B15" s="7" t="s">
        <v>236</v>
      </c>
      <c r="C15" s="13">
        <v>5500000</v>
      </c>
      <c r="D15" s="13">
        <v>17613400</v>
      </c>
    </row>
    <row r="16" spans="1:4" x14ac:dyDescent="0.25">
      <c r="A16" s="5" t="s">
        <v>32</v>
      </c>
      <c r="B16" s="7" t="s">
        <v>234</v>
      </c>
      <c r="C16" s="13">
        <v>5500000</v>
      </c>
      <c r="D16" s="13">
        <v>17613400</v>
      </c>
    </row>
    <row r="17" spans="1:4" x14ac:dyDescent="0.25">
      <c r="A17" s="4" t="s">
        <v>34</v>
      </c>
      <c r="B17" s="6" t="s">
        <v>237</v>
      </c>
      <c r="C17" s="14">
        <v>5500000</v>
      </c>
      <c r="D17" s="14">
        <v>17613400</v>
      </c>
    </row>
    <row r="18" spans="1:4" x14ac:dyDescent="0.25">
      <c r="A18" s="4" t="s">
        <v>36</v>
      </c>
      <c r="B18" s="6" t="s">
        <v>238</v>
      </c>
      <c r="C18" s="14">
        <v>0</v>
      </c>
      <c r="D18" s="14">
        <v>0</v>
      </c>
    </row>
    <row r="19" spans="1:4" x14ac:dyDescent="0.25">
      <c r="A19" s="4" t="s">
        <v>38</v>
      </c>
      <c r="B19" s="6" t="s">
        <v>239</v>
      </c>
      <c r="C19" s="14">
        <v>0</v>
      </c>
      <c r="D19" s="14">
        <v>0</v>
      </c>
    </row>
    <row r="20" spans="1:4" x14ac:dyDescent="0.25">
      <c r="A20" s="4" t="s">
        <v>40</v>
      </c>
      <c r="B20" s="6" t="s">
        <v>240</v>
      </c>
      <c r="C20" s="14">
        <v>0</v>
      </c>
      <c r="D20" s="14">
        <v>0</v>
      </c>
    </row>
    <row r="21" spans="1:4" x14ac:dyDescent="0.25">
      <c r="A21" s="4" t="s">
        <v>43</v>
      </c>
      <c r="B21" s="6" t="s">
        <v>241</v>
      </c>
      <c r="C21" s="14">
        <v>0</v>
      </c>
      <c r="D21" s="14">
        <v>0</v>
      </c>
    </row>
    <row r="22" spans="1:4" x14ac:dyDescent="0.25">
      <c r="A22" s="5" t="s">
        <v>45</v>
      </c>
      <c r="B22" s="7" t="s">
        <v>235</v>
      </c>
      <c r="C22" s="13">
        <v>0</v>
      </c>
      <c r="D22" s="13">
        <v>0</v>
      </c>
    </row>
    <row r="23" spans="1:4" x14ac:dyDescent="0.25">
      <c r="A23" s="4" t="s">
        <v>47</v>
      </c>
      <c r="B23" s="6" t="s">
        <v>237</v>
      </c>
      <c r="C23" s="14">
        <v>0</v>
      </c>
      <c r="D23" s="14">
        <v>0</v>
      </c>
    </row>
    <row r="24" spans="1:4" x14ac:dyDescent="0.25">
      <c r="A24" s="4" t="s">
        <v>49</v>
      </c>
      <c r="B24" s="6" t="s">
        <v>238</v>
      </c>
      <c r="C24" s="14">
        <v>0</v>
      </c>
      <c r="D24" s="14">
        <v>0</v>
      </c>
    </row>
    <row r="25" spans="1:4" x14ac:dyDescent="0.25">
      <c r="A25" s="4" t="s">
        <v>51</v>
      </c>
      <c r="B25" s="6" t="s">
        <v>242</v>
      </c>
      <c r="C25" s="14">
        <v>0</v>
      </c>
      <c r="D25" s="14">
        <v>0</v>
      </c>
    </row>
    <row r="26" spans="1:4" x14ac:dyDescent="0.25">
      <c r="A26" s="4" t="s">
        <v>53</v>
      </c>
      <c r="B26" s="6" t="s">
        <v>240</v>
      </c>
      <c r="C26" s="14">
        <v>0</v>
      </c>
      <c r="D26" s="14">
        <v>0</v>
      </c>
    </row>
    <row r="27" spans="1:4" x14ac:dyDescent="0.25">
      <c r="A27" s="4" t="s">
        <v>55</v>
      </c>
      <c r="B27" s="6" t="s">
        <v>243</v>
      </c>
      <c r="C27" s="14">
        <v>0</v>
      </c>
      <c r="D27" s="14">
        <v>0</v>
      </c>
    </row>
    <row r="28" spans="1:4" x14ac:dyDescent="0.25">
      <c r="A28" s="4" t="s">
        <v>60</v>
      </c>
      <c r="B28" s="6" t="s">
        <v>244</v>
      </c>
      <c r="C28" s="14">
        <v>5500000</v>
      </c>
      <c r="D28" s="14">
        <v>17613400</v>
      </c>
    </row>
    <row r="30" spans="1:4" x14ac:dyDescent="0.25">
      <c r="A30" s="12" t="s">
        <v>6</v>
      </c>
      <c r="B30" s="12" t="s">
        <v>245</v>
      </c>
      <c r="C30" s="12" t="s">
        <v>58</v>
      </c>
      <c r="D30" s="12" t="s">
        <v>246</v>
      </c>
    </row>
    <row r="31" spans="1:4" x14ac:dyDescent="0.25">
      <c r="A31" s="12" t="s">
        <v>7</v>
      </c>
      <c r="B31" s="12" t="s">
        <v>7</v>
      </c>
      <c r="C31" s="12" t="s">
        <v>7</v>
      </c>
      <c r="D31" s="12" t="s">
        <v>7</v>
      </c>
    </row>
    <row r="32" spans="1:4" x14ac:dyDescent="0.25">
      <c r="A32" s="4" t="s">
        <v>62</v>
      </c>
      <c r="B32" s="6" t="s">
        <v>247</v>
      </c>
      <c r="C32" s="14">
        <v>10739608262.85</v>
      </c>
      <c r="D32" s="14">
        <v>100</v>
      </c>
    </row>
    <row r="33" spans="1:4" x14ac:dyDescent="0.25">
      <c r="A33" s="4" t="s">
        <v>64</v>
      </c>
      <c r="B33" s="6" t="s">
        <v>248</v>
      </c>
      <c r="C33" s="14">
        <v>0</v>
      </c>
      <c r="D33" s="14">
        <v>0</v>
      </c>
    </row>
    <row r="34" spans="1:4" x14ac:dyDescent="0.25">
      <c r="A34" s="4" t="s">
        <v>66</v>
      </c>
      <c r="B34" s="6" t="s">
        <v>249</v>
      </c>
      <c r="C34" s="14">
        <v>17613400</v>
      </c>
      <c r="D34" s="14">
        <v>0.16</v>
      </c>
    </row>
    <row r="35" spans="1:4" x14ac:dyDescent="0.25">
      <c r="A35" s="4" t="s">
        <v>68</v>
      </c>
      <c r="B35" s="6" t="s">
        <v>250</v>
      </c>
      <c r="C35" s="14">
        <v>1718337322.0599999</v>
      </c>
      <c r="D35" s="14">
        <v>16</v>
      </c>
    </row>
    <row r="36" spans="1:4" x14ac:dyDescent="0.25">
      <c r="A36" s="4" t="s">
        <v>70</v>
      </c>
      <c r="B36" s="6" t="s">
        <v>251</v>
      </c>
      <c r="C36" s="14">
        <v>1546503589.8499999</v>
      </c>
      <c r="D36" s="14">
        <v>14.4</v>
      </c>
    </row>
    <row r="37" spans="1:4" x14ac:dyDescent="0.25">
      <c r="A37" s="4" t="s">
        <v>72</v>
      </c>
      <c r="B37" s="6" t="s">
        <v>252</v>
      </c>
      <c r="C37" s="14">
        <v>0</v>
      </c>
      <c r="D37" s="14">
        <v>0</v>
      </c>
    </row>
    <row r="38" spans="1:4" x14ac:dyDescent="0.25">
      <c r="A38" s="4" t="s">
        <v>87</v>
      </c>
      <c r="B38" s="6" t="s">
        <v>253</v>
      </c>
      <c r="C38" s="14">
        <v>751772578.39999998</v>
      </c>
      <c r="D38" s="14">
        <v>7</v>
      </c>
    </row>
    <row r="40" spans="1:4" x14ac:dyDescent="0.25">
      <c r="A40" s="12" t="s">
        <v>6</v>
      </c>
      <c r="B40" s="12" t="s">
        <v>254</v>
      </c>
      <c r="C40" s="12" t="s">
        <v>255</v>
      </c>
      <c r="D40" s="12" t="s">
        <v>255</v>
      </c>
    </row>
    <row r="41" spans="1:4" ht="21" x14ac:dyDescent="0.25">
      <c r="A41" s="12" t="s">
        <v>7</v>
      </c>
      <c r="B41" s="12" t="s">
        <v>7</v>
      </c>
      <c r="C41" s="1" t="s">
        <v>231</v>
      </c>
      <c r="D41" s="1" t="s">
        <v>232</v>
      </c>
    </row>
    <row r="42" spans="1:4" x14ac:dyDescent="0.25">
      <c r="A42" s="5" t="s">
        <v>119</v>
      </c>
      <c r="B42" s="7" t="s">
        <v>256</v>
      </c>
      <c r="C42" s="3" t="s">
        <v>42</v>
      </c>
      <c r="D42" s="3" t="s">
        <v>42</v>
      </c>
    </row>
    <row r="43" spans="1:4" x14ac:dyDescent="0.25">
      <c r="A43" s="4" t="s">
        <v>121</v>
      </c>
      <c r="B43" s="6" t="s">
        <v>257</v>
      </c>
      <c r="C43" s="2" t="s">
        <v>42</v>
      </c>
      <c r="D43" s="2" t="s">
        <v>42</v>
      </c>
    </row>
    <row r="44" spans="1:4" x14ac:dyDescent="0.25">
      <c r="A44" s="4" t="s">
        <v>123</v>
      </c>
      <c r="B44" s="6" t="s">
        <v>258</v>
      </c>
      <c r="C44" s="2" t="s">
        <v>42</v>
      </c>
      <c r="D44" s="2" t="s">
        <v>42</v>
      </c>
    </row>
    <row r="45" spans="1:4" x14ac:dyDescent="0.25">
      <c r="A45" s="4" t="s">
        <v>125</v>
      </c>
      <c r="B45" s="6" t="s">
        <v>259</v>
      </c>
      <c r="C45" s="2" t="s">
        <v>42</v>
      </c>
      <c r="D45" s="2" t="s">
        <v>42</v>
      </c>
    </row>
    <row r="46" spans="1:4" x14ac:dyDescent="0.25">
      <c r="A46" s="4" t="s">
        <v>127</v>
      </c>
      <c r="B46" s="6" t="s">
        <v>260</v>
      </c>
      <c r="C46" s="2" t="s">
        <v>42</v>
      </c>
      <c r="D46" s="2" t="s">
        <v>42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28"/>
  <sheetViews>
    <sheetView showGridLines="0" topLeftCell="A12" workbookViewId="0">
      <selection activeCell="D21" sqref="D21"/>
    </sheetView>
  </sheetViews>
  <sheetFormatPr defaultRowHeight="15" x14ac:dyDescent="0.25"/>
  <cols>
    <col min="2" max="2" width="68.5703125" bestFit="1" customWidth="1"/>
    <col min="3" max="3" width="19" bestFit="1" customWidth="1"/>
    <col min="4" max="4" width="16" bestFit="1" customWidth="1"/>
    <col min="5" max="5" width="17.28515625" bestFit="1" customWidth="1"/>
    <col min="6" max="6" width="16" bestFit="1" customWidth="1"/>
    <col min="7" max="7" width="17.28515625" bestFit="1" customWidth="1"/>
    <col min="9" max="10" width="17.28515625" bestFit="1" customWidth="1"/>
  </cols>
  <sheetData>
    <row r="3" spans="1:11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</row>
    <row r="4" spans="1:11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</row>
    <row r="5" spans="1:11" x14ac:dyDescent="0.25">
      <c r="A5" s="10" t="s">
        <v>261</v>
      </c>
      <c r="B5" s="9"/>
      <c r="C5" s="9"/>
      <c r="D5" s="9"/>
      <c r="E5" s="9"/>
      <c r="F5" s="9"/>
      <c r="G5" s="9"/>
      <c r="H5" s="9"/>
      <c r="I5" s="9"/>
      <c r="J5" s="9"/>
      <c r="K5" s="9"/>
    </row>
    <row r="6" spans="1:11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</row>
    <row r="7" spans="1:11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</row>
    <row r="9" spans="1:11" x14ac:dyDescent="0.25">
      <c r="A9" s="11" t="s">
        <v>262</v>
      </c>
      <c r="B9" s="9"/>
      <c r="C9" s="9"/>
      <c r="D9" s="9"/>
      <c r="E9" s="9"/>
      <c r="F9" s="9"/>
      <c r="G9" s="9"/>
      <c r="H9" s="9"/>
      <c r="I9" s="9"/>
      <c r="J9" s="9"/>
      <c r="K9" s="9"/>
    </row>
    <row r="10" spans="1:11" x14ac:dyDescent="0.25">
      <c r="A10" s="12" t="s">
        <v>6</v>
      </c>
      <c r="B10" s="12" t="s">
        <v>263</v>
      </c>
      <c r="C10" s="12" t="s">
        <v>264</v>
      </c>
      <c r="D10" s="12" t="s">
        <v>265</v>
      </c>
      <c r="E10" s="12" t="s">
        <v>7</v>
      </c>
      <c r="F10" s="12" t="s">
        <v>7</v>
      </c>
      <c r="G10" s="12" t="s">
        <v>7</v>
      </c>
      <c r="H10" s="12" t="s">
        <v>270</v>
      </c>
      <c r="I10" s="12" t="s">
        <v>271</v>
      </c>
      <c r="J10" s="12" t="s">
        <v>272</v>
      </c>
      <c r="K10" s="12" t="s">
        <v>273</v>
      </c>
    </row>
    <row r="11" spans="1:11" ht="105" x14ac:dyDescent="0.25">
      <c r="A11" s="12" t="s">
        <v>7</v>
      </c>
      <c r="B11" s="12" t="s">
        <v>7</v>
      </c>
      <c r="C11" s="12" t="s">
        <v>7</v>
      </c>
      <c r="D11" s="1" t="s">
        <v>266</v>
      </c>
      <c r="E11" s="1" t="s">
        <v>267</v>
      </c>
      <c r="F11" s="1" t="s">
        <v>268</v>
      </c>
      <c r="G11" s="1" t="s">
        <v>269</v>
      </c>
      <c r="H11" s="12" t="s">
        <v>7</v>
      </c>
      <c r="I11" s="12" t="s">
        <v>7</v>
      </c>
      <c r="J11" s="12" t="s">
        <v>7</v>
      </c>
      <c r="K11" s="12" t="s">
        <v>7</v>
      </c>
    </row>
    <row r="12" spans="1:11" x14ac:dyDescent="0.25">
      <c r="A12" s="5" t="s">
        <v>24</v>
      </c>
      <c r="B12" s="7" t="s">
        <v>274</v>
      </c>
      <c r="C12" s="13">
        <v>710272518.96000004</v>
      </c>
      <c r="D12" s="13">
        <v>16420159.77</v>
      </c>
      <c r="E12" s="13">
        <v>85784529.819999993</v>
      </c>
      <c r="F12" s="13">
        <v>27531139.82</v>
      </c>
      <c r="G12" s="13">
        <v>116815305.09</v>
      </c>
      <c r="H12" s="13">
        <v>0</v>
      </c>
      <c r="I12" s="13">
        <v>463721384.45999998</v>
      </c>
      <c r="J12" s="13">
        <v>403062060.79000002</v>
      </c>
      <c r="K12" s="13">
        <v>0</v>
      </c>
    </row>
    <row r="13" spans="1:11" x14ac:dyDescent="0.25">
      <c r="A13" s="4" t="s">
        <v>26</v>
      </c>
      <c r="B13" s="6" t="s">
        <v>275</v>
      </c>
      <c r="C13" s="14">
        <v>0</v>
      </c>
      <c r="D13" s="14">
        <v>0</v>
      </c>
      <c r="E13" s="14">
        <v>0</v>
      </c>
      <c r="F13" s="14">
        <v>0</v>
      </c>
      <c r="G13" s="14">
        <v>0</v>
      </c>
      <c r="H13" s="14">
        <v>0</v>
      </c>
      <c r="I13" s="14">
        <v>0</v>
      </c>
      <c r="J13" s="14">
        <v>0</v>
      </c>
      <c r="K13" s="14">
        <v>0</v>
      </c>
    </row>
    <row r="14" spans="1:11" x14ac:dyDescent="0.25">
      <c r="A14" s="4" t="s">
        <v>28</v>
      </c>
      <c r="B14" s="6" t="s">
        <v>276</v>
      </c>
      <c r="C14" s="14">
        <v>30070422.289999999</v>
      </c>
      <c r="D14" s="14">
        <v>0</v>
      </c>
      <c r="E14" s="14">
        <v>22848189.579999998</v>
      </c>
      <c r="F14" s="14">
        <v>0</v>
      </c>
      <c r="G14" s="14">
        <v>4897730.67</v>
      </c>
      <c r="H14" s="14">
        <v>0</v>
      </c>
      <c r="I14" s="14">
        <v>2324502.04</v>
      </c>
      <c r="J14" s="14">
        <v>587369.06000000006</v>
      </c>
      <c r="K14" s="14">
        <v>0</v>
      </c>
    </row>
    <row r="15" spans="1:11" x14ac:dyDescent="0.25">
      <c r="A15" s="4" t="s">
        <v>30</v>
      </c>
      <c r="B15" s="6" t="s">
        <v>277</v>
      </c>
      <c r="C15" s="14">
        <v>20046948.190000001</v>
      </c>
      <c r="D15" s="14">
        <v>0</v>
      </c>
      <c r="E15" s="14">
        <v>15232126.380000001</v>
      </c>
      <c r="F15" s="14">
        <v>0</v>
      </c>
      <c r="G15" s="14">
        <v>3265153.78</v>
      </c>
      <c r="H15" s="14">
        <v>0</v>
      </c>
      <c r="I15" s="14">
        <v>1549668.03</v>
      </c>
      <c r="J15" s="14">
        <v>391579.37</v>
      </c>
      <c r="K15" s="14">
        <v>0</v>
      </c>
    </row>
    <row r="16" spans="1:11" x14ac:dyDescent="0.25">
      <c r="A16" s="4" t="s">
        <v>32</v>
      </c>
      <c r="B16" s="6" t="s">
        <v>278</v>
      </c>
      <c r="C16" s="14">
        <v>0</v>
      </c>
      <c r="D16" s="14">
        <v>0</v>
      </c>
      <c r="E16" s="14">
        <v>0</v>
      </c>
      <c r="F16" s="14">
        <v>0</v>
      </c>
      <c r="G16" s="14">
        <v>0</v>
      </c>
      <c r="H16" s="14">
        <v>0</v>
      </c>
      <c r="I16" s="14">
        <v>0</v>
      </c>
      <c r="J16" s="14">
        <v>0</v>
      </c>
      <c r="K16" s="14">
        <v>0</v>
      </c>
    </row>
    <row r="17" spans="1:11" x14ac:dyDescent="0.25">
      <c r="A17" s="4" t="s">
        <v>34</v>
      </c>
      <c r="B17" s="6" t="s">
        <v>279</v>
      </c>
      <c r="C17" s="14">
        <v>0</v>
      </c>
      <c r="D17" s="14">
        <v>0</v>
      </c>
      <c r="E17" s="14">
        <v>0</v>
      </c>
      <c r="F17" s="14">
        <v>0</v>
      </c>
      <c r="G17" s="14">
        <v>0</v>
      </c>
      <c r="H17" s="14">
        <v>0</v>
      </c>
      <c r="I17" s="14">
        <v>0</v>
      </c>
      <c r="J17" s="14">
        <v>0</v>
      </c>
      <c r="K17" s="14">
        <v>0</v>
      </c>
    </row>
    <row r="18" spans="1:11" x14ac:dyDescent="0.25">
      <c r="A18" s="4" t="s">
        <v>36</v>
      </c>
      <c r="B18" s="6" t="s">
        <v>280</v>
      </c>
      <c r="C18" s="14">
        <v>96113853.620000005</v>
      </c>
      <c r="D18" s="14">
        <v>465553.21</v>
      </c>
      <c r="E18" s="14">
        <v>519971.69</v>
      </c>
      <c r="F18" s="14">
        <v>795435.99</v>
      </c>
      <c r="G18" s="14">
        <v>198757.86</v>
      </c>
      <c r="H18" s="14">
        <v>0</v>
      </c>
      <c r="I18" s="14">
        <v>94134134.870000005</v>
      </c>
      <c r="J18" s="14">
        <v>19033606.640000001</v>
      </c>
      <c r="K18" s="14">
        <v>0</v>
      </c>
    </row>
    <row r="19" spans="1:11" x14ac:dyDescent="0.25">
      <c r="A19" s="4" t="s">
        <v>38</v>
      </c>
      <c r="B19" s="6" t="s">
        <v>281</v>
      </c>
      <c r="C19" s="14">
        <v>0</v>
      </c>
      <c r="D19" s="14">
        <v>0</v>
      </c>
      <c r="E19" s="14">
        <v>0</v>
      </c>
      <c r="F19" s="14">
        <v>0</v>
      </c>
      <c r="G19" s="14">
        <v>0</v>
      </c>
      <c r="H19" s="14">
        <v>0</v>
      </c>
      <c r="I19" s="14">
        <v>0</v>
      </c>
      <c r="J19" s="14">
        <v>0</v>
      </c>
      <c r="K19" s="14">
        <v>0</v>
      </c>
    </row>
    <row r="20" spans="1:11" x14ac:dyDescent="0.25">
      <c r="A20" s="4" t="s">
        <v>40</v>
      </c>
      <c r="B20" s="6" t="s">
        <v>282</v>
      </c>
      <c r="C20" s="14">
        <v>74055013.469999999</v>
      </c>
      <c r="D20" s="14">
        <v>0</v>
      </c>
      <c r="E20" s="14">
        <v>308339.94</v>
      </c>
      <c r="F20" s="14">
        <v>0</v>
      </c>
      <c r="G20" s="14">
        <v>83209537.459999993</v>
      </c>
      <c r="H20" s="14">
        <v>0</v>
      </c>
      <c r="I20" s="14">
        <v>-9462863.9299999997</v>
      </c>
      <c r="J20" s="14">
        <v>258332830.56</v>
      </c>
      <c r="K20" s="14">
        <v>0</v>
      </c>
    </row>
    <row r="21" spans="1:11" x14ac:dyDescent="0.25">
      <c r="A21" s="4" t="s">
        <v>43</v>
      </c>
      <c r="B21" s="6" t="s">
        <v>283</v>
      </c>
      <c r="C21" s="14">
        <v>0</v>
      </c>
      <c r="D21" s="14">
        <v>0</v>
      </c>
      <c r="E21" s="14">
        <v>0</v>
      </c>
      <c r="F21" s="14">
        <v>0</v>
      </c>
      <c r="G21" s="14">
        <v>0</v>
      </c>
      <c r="H21" s="14">
        <v>0</v>
      </c>
      <c r="I21" s="14">
        <v>0</v>
      </c>
      <c r="J21" s="14">
        <v>0</v>
      </c>
      <c r="K21" s="14">
        <v>0</v>
      </c>
    </row>
    <row r="22" spans="1:11" x14ac:dyDescent="0.25">
      <c r="A22" s="4" t="s">
        <v>45</v>
      </c>
      <c r="B22" s="6" t="s">
        <v>284</v>
      </c>
      <c r="C22" s="14">
        <v>2483133.5</v>
      </c>
      <c r="D22" s="14">
        <v>0</v>
      </c>
      <c r="E22" s="14">
        <v>0</v>
      </c>
      <c r="F22" s="14">
        <v>0</v>
      </c>
      <c r="G22" s="14">
        <v>0</v>
      </c>
      <c r="H22" s="14">
        <v>0</v>
      </c>
      <c r="I22" s="14">
        <v>2483133.5</v>
      </c>
      <c r="J22" s="14">
        <v>2164697.36</v>
      </c>
      <c r="K22" s="14">
        <v>0</v>
      </c>
    </row>
    <row r="23" spans="1:11" x14ac:dyDescent="0.25">
      <c r="A23" s="4" t="s">
        <v>47</v>
      </c>
      <c r="B23" s="6" t="s">
        <v>285</v>
      </c>
      <c r="C23" s="14">
        <v>1493215.21</v>
      </c>
      <c r="D23" s="14">
        <v>0</v>
      </c>
      <c r="E23" s="14">
        <v>0</v>
      </c>
      <c r="F23" s="14">
        <v>0</v>
      </c>
      <c r="G23" s="14">
        <v>0</v>
      </c>
      <c r="H23" s="14">
        <v>0</v>
      </c>
      <c r="I23" s="14">
        <v>1493215.21</v>
      </c>
      <c r="J23" s="14">
        <v>0</v>
      </c>
      <c r="K23" s="14">
        <v>0</v>
      </c>
    </row>
    <row r="24" spans="1:11" x14ac:dyDescent="0.25">
      <c r="A24" s="4" t="s">
        <v>49</v>
      </c>
      <c r="B24" s="6" t="s">
        <v>286</v>
      </c>
      <c r="C24" s="14">
        <v>486009932.68000001</v>
      </c>
      <c r="D24" s="14">
        <v>15954606.560000001</v>
      </c>
      <c r="E24" s="14">
        <v>46875902.229999997</v>
      </c>
      <c r="F24" s="14">
        <v>26735703.829999998</v>
      </c>
      <c r="G24" s="14">
        <v>25244125.32</v>
      </c>
      <c r="H24" s="14">
        <v>0</v>
      </c>
      <c r="I24" s="14">
        <v>371199594.74000001</v>
      </c>
      <c r="J24" s="14">
        <v>122551977.8</v>
      </c>
      <c r="K24" s="14">
        <v>0</v>
      </c>
    </row>
    <row r="25" spans="1:11" x14ac:dyDescent="0.25">
      <c r="A25" s="5" t="s">
        <v>51</v>
      </c>
      <c r="B25" s="7" t="s">
        <v>287</v>
      </c>
      <c r="C25" s="13">
        <v>625021549.71000004</v>
      </c>
      <c r="D25" s="13">
        <v>81681447.799999997</v>
      </c>
      <c r="E25" s="13">
        <v>347713834.94</v>
      </c>
      <c r="F25" s="13">
        <v>35894424.109999999</v>
      </c>
      <c r="G25" s="13">
        <v>380041770.58999997</v>
      </c>
      <c r="H25" s="13">
        <v>0</v>
      </c>
      <c r="I25" s="13">
        <v>-220309927.72999999</v>
      </c>
      <c r="J25" s="13">
        <v>155037233.58000001</v>
      </c>
      <c r="K25" s="13">
        <v>0</v>
      </c>
    </row>
    <row r="26" spans="1:11" x14ac:dyDescent="0.25">
      <c r="A26" s="4" t="s">
        <v>53</v>
      </c>
      <c r="B26" s="6" t="s">
        <v>288</v>
      </c>
      <c r="C26" s="14">
        <v>625021549.71000004</v>
      </c>
      <c r="D26" s="14">
        <v>81681447.799999997</v>
      </c>
      <c r="E26" s="14">
        <v>347713834.94</v>
      </c>
      <c r="F26" s="14">
        <v>35894424.109999999</v>
      </c>
      <c r="G26" s="14">
        <v>380041770.58999997</v>
      </c>
      <c r="H26" s="14">
        <v>0</v>
      </c>
      <c r="I26" s="14">
        <v>-220309927.72999999</v>
      </c>
      <c r="J26" s="14">
        <v>155037233.58000001</v>
      </c>
      <c r="K26" s="14">
        <v>0</v>
      </c>
    </row>
    <row r="27" spans="1:11" x14ac:dyDescent="0.25">
      <c r="A27" s="4" t="s">
        <v>55</v>
      </c>
      <c r="B27" s="6" t="s">
        <v>289</v>
      </c>
      <c r="C27" s="14">
        <v>0</v>
      </c>
      <c r="D27" s="14">
        <v>0</v>
      </c>
      <c r="E27" s="14">
        <v>0</v>
      </c>
      <c r="F27" s="14">
        <v>0</v>
      </c>
      <c r="G27" s="14">
        <v>0</v>
      </c>
      <c r="H27" s="14">
        <v>0</v>
      </c>
      <c r="I27" s="14">
        <v>0</v>
      </c>
      <c r="J27" s="14">
        <v>0</v>
      </c>
      <c r="K27" s="14">
        <v>0</v>
      </c>
    </row>
    <row r="28" spans="1:11" x14ac:dyDescent="0.25">
      <c r="A28" s="5" t="s">
        <v>60</v>
      </c>
      <c r="B28" s="7" t="s">
        <v>290</v>
      </c>
      <c r="C28" s="13">
        <v>1335294068.6700001</v>
      </c>
      <c r="D28" s="13">
        <v>98101607.569999993</v>
      </c>
      <c r="E28" s="13">
        <v>433498364.75999999</v>
      </c>
      <c r="F28" s="13">
        <v>63425563.93</v>
      </c>
      <c r="G28" s="13">
        <v>496857075.68000001</v>
      </c>
      <c r="H28" s="13">
        <v>0</v>
      </c>
      <c r="I28" s="13">
        <v>243411456.72999999</v>
      </c>
      <c r="J28" s="13">
        <v>558099294.37</v>
      </c>
      <c r="K28" s="13">
        <v>0</v>
      </c>
    </row>
  </sheetData>
  <mergeCells count="14">
    <mergeCell ref="A9:K9"/>
    <mergeCell ref="A10:A11"/>
    <mergeCell ref="B10:B11"/>
    <mergeCell ref="C10:C11"/>
    <mergeCell ref="D10:G10"/>
    <mergeCell ref="H10:H11"/>
    <mergeCell ref="I10:I11"/>
    <mergeCell ref="J10:J11"/>
    <mergeCell ref="K10:K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tabSelected="1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" bestFit="1" customWidth="1"/>
    <col min="4" max="4" width="15.28515625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91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92</v>
      </c>
      <c r="B9" s="9"/>
      <c r="C9" s="9"/>
      <c r="D9" s="9"/>
    </row>
    <row r="10" spans="1:4" x14ac:dyDescent="0.25">
      <c r="A10" s="12" t="s">
        <v>6</v>
      </c>
      <c r="B10" s="12" t="s">
        <v>293</v>
      </c>
      <c r="C10" s="12" t="s">
        <v>294</v>
      </c>
    </row>
    <row r="11" spans="1:4" x14ac:dyDescent="0.25">
      <c r="A11" s="12" t="s">
        <v>7</v>
      </c>
      <c r="B11" s="12" t="s">
        <v>7</v>
      </c>
      <c r="C11" s="12" t="s">
        <v>7</v>
      </c>
    </row>
    <row r="12" spans="1:4" x14ac:dyDescent="0.25">
      <c r="A12" s="4" t="s">
        <v>24</v>
      </c>
      <c r="B12" s="6" t="s">
        <v>295</v>
      </c>
      <c r="C12" s="14">
        <v>10739608262.85</v>
      </c>
      <c r="D12" s="15"/>
    </row>
    <row r="13" spans="1:4" x14ac:dyDescent="0.25">
      <c r="A13" s="4" t="s">
        <v>26</v>
      </c>
      <c r="B13" s="6" t="s">
        <v>296</v>
      </c>
      <c r="C13" s="14">
        <v>10737852124.85</v>
      </c>
      <c r="D13" s="15"/>
    </row>
    <row r="15" spans="1:4" x14ac:dyDescent="0.25">
      <c r="A15" s="12" t="s">
        <v>6</v>
      </c>
      <c r="B15" s="12" t="s">
        <v>8</v>
      </c>
      <c r="C15" s="12" t="s">
        <v>58</v>
      </c>
      <c r="D15" s="12" t="s">
        <v>59</v>
      </c>
    </row>
    <row r="16" spans="1:4" x14ac:dyDescent="0.25">
      <c r="A16" s="12" t="s">
        <v>7</v>
      </c>
      <c r="B16" s="12" t="s">
        <v>7</v>
      </c>
      <c r="C16" s="12" t="s">
        <v>7</v>
      </c>
      <c r="D16" s="12" t="s">
        <v>7</v>
      </c>
    </row>
    <row r="17" spans="1:4" x14ac:dyDescent="0.25">
      <c r="A17" s="4" t="s">
        <v>28</v>
      </c>
      <c r="B17" s="6" t="s">
        <v>297</v>
      </c>
      <c r="C17" s="14">
        <v>5131925540.96</v>
      </c>
      <c r="D17" s="14">
        <v>47.79</v>
      </c>
    </row>
    <row r="18" spans="1:4" x14ac:dyDescent="0.25">
      <c r="A18" s="4" t="s">
        <v>30</v>
      </c>
      <c r="B18" s="6" t="s">
        <v>298</v>
      </c>
      <c r="C18" s="14">
        <v>5261547541.1800003</v>
      </c>
      <c r="D18" s="14">
        <v>49</v>
      </c>
    </row>
    <row r="19" spans="1:4" x14ac:dyDescent="0.25">
      <c r="A19" s="4" t="s">
        <v>32</v>
      </c>
      <c r="B19" s="6" t="s">
        <v>299</v>
      </c>
      <c r="C19" s="14">
        <v>4998470164.1199999</v>
      </c>
      <c r="D19" s="14">
        <v>46.55</v>
      </c>
    </row>
    <row r="20" spans="1:4" x14ac:dyDescent="0.25">
      <c r="A20" s="4" t="s">
        <v>34</v>
      </c>
      <c r="B20" s="6" t="s">
        <v>300</v>
      </c>
      <c r="C20" s="14">
        <v>4735392787.0600004</v>
      </c>
      <c r="D20" s="14">
        <v>44.1</v>
      </c>
    </row>
    <row r="22" spans="1:4" x14ac:dyDescent="0.25">
      <c r="A22" s="12" t="s">
        <v>6</v>
      </c>
      <c r="B22" s="12" t="s">
        <v>91</v>
      </c>
      <c r="C22" s="12" t="s">
        <v>58</v>
      </c>
      <c r="D22" s="12" t="s">
        <v>246</v>
      </c>
    </row>
    <row r="23" spans="1:4" x14ac:dyDescent="0.25">
      <c r="A23" s="12" t="s">
        <v>7</v>
      </c>
      <c r="B23" s="12" t="s">
        <v>7</v>
      </c>
      <c r="C23" s="12" t="s">
        <v>7</v>
      </c>
      <c r="D23" s="12" t="s">
        <v>7</v>
      </c>
    </row>
    <row r="24" spans="1:4" x14ac:dyDescent="0.25">
      <c r="A24" s="4" t="s">
        <v>36</v>
      </c>
      <c r="B24" s="6" t="s">
        <v>301</v>
      </c>
      <c r="C24" s="14">
        <v>7720674403.4099998</v>
      </c>
      <c r="D24" s="14">
        <v>71.89</v>
      </c>
    </row>
    <row r="25" spans="1:4" x14ac:dyDescent="0.25">
      <c r="A25" s="4" t="s">
        <v>38</v>
      </c>
      <c r="B25" s="6" t="s">
        <v>302</v>
      </c>
      <c r="C25" s="14">
        <v>21479216525.700001</v>
      </c>
      <c r="D25" s="14">
        <v>200</v>
      </c>
    </row>
    <row r="27" spans="1:4" x14ac:dyDescent="0.25">
      <c r="A27" s="12" t="s">
        <v>6</v>
      </c>
      <c r="B27" s="12" t="s">
        <v>303</v>
      </c>
      <c r="C27" s="12" t="s">
        <v>58</v>
      </c>
      <c r="D27" s="12" t="s">
        <v>246</v>
      </c>
    </row>
    <row r="28" spans="1:4" x14ac:dyDescent="0.25">
      <c r="A28" s="12" t="s">
        <v>7</v>
      </c>
      <c r="B28" s="12" t="s">
        <v>7</v>
      </c>
      <c r="C28" s="12" t="s">
        <v>7</v>
      </c>
      <c r="D28" s="12" t="s">
        <v>7</v>
      </c>
    </row>
    <row r="29" spans="1:4" x14ac:dyDescent="0.25">
      <c r="A29" s="4" t="s">
        <v>40</v>
      </c>
      <c r="B29" s="6" t="s">
        <v>304</v>
      </c>
      <c r="C29" s="14">
        <v>23664779.059999999</v>
      </c>
      <c r="D29" s="14">
        <v>0.22</v>
      </c>
    </row>
    <row r="30" spans="1:4" x14ac:dyDescent="0.25">
      <c r="A30" s="4" t="s">
        <v>43</v>
      </c>
      <c r="B30" s="6" t="s">
        <v>302</v>
      </c>
      <c r="C30" s="14">
        <v>2362713817.8299999</v>
      </c>
      <c r="D30" s="14">
        <v>22</v>
      </c>
    </row>
    <row r="31" spans="1:4" x14ac:dyDescent="0.25">
      <c r="C31" s="15"/>
      <c r="D31" s="15"/>
    </row>
    <row r="32" spans="1:4" x14ac:dyDescent="0.25">
      <c r="A32" s="12" t="s">
        <v>6</v>
      </c>
      <c r="B32" s="12" t="s">
        <v>229</v>
      </c>
      <c r="C32" s="12" t="s">
        <v>58</v>
      </c>
      <c r="D32" s="12" t="s">
        <v>246</v>
      </c>
    </row>
    <row r="33" spans="1:4" x14ac:dyDescent="0.25">
      <c r="A33" s="12" t="s">
        <v>7</v>
      </c>
      <c r="B33" s="12" t="s">
        <v>7</v>
      </c>
      <c r="C33" s="12" t="s">
        <v>7</v>
      </c>
      <c r="D33" s="12" t="s">
        <v>7</v>
      </c>
    </row>
    <row r="34" spans="1:4" x14ac:dyDescent="0.25">
      <c r="A34" s="4" t="s">
        <v>45</v>
      </c>
      <c r="B34" s="6" t="s">
        <v>305</v>
      </c>
      <c r="C34" s="14">
        <v>17613400</v>
      </c>
      <c r="D34" s="14">
        <v>0.16</v>
      </c>
    </row>
    <row r="35" spans="1:4" x14ac:dyDescent="0.25">
      <c r="A35" s="4" t="s">
        <v>47</v>
      </c>
      <c r="B35" s="6" t="s">
        <v>306</v>
      </c>
      <c r="C35" s="14">
        <v>1718337322.0599999</v>
      </c>
      <c r="D35" s="14">
        <v>16</v>
      </c>
    </row>
    <row r="36" spans="1:4" x14ac:dyDescent="0.25">
      <c r="A36" s="4" t="s">
        <v>49</v>
      </c>
      <c r="B36" s="6" t="s">
        <v>307</v>
      </c>
      <c r="C36" s="14">
        <v>0</v>
      </c>
      <c r="D36" s="14">
        <v>0</v>
      </c>
    </row>
    <row r="37" spans="1:4" x14ac:dyDescent="0.25">
      <c r="A37" s="4" t="s">
        <v>51</v>
      </c>
      <c r="B37" s="6" t="s">
        <v>308</v>
      </c>
      <c r="C37" s="14">
        <v>751772578.39999998</v>
      </c>
      <c r="D37" s="14">
        <v>7</v>
      </c>
    </row>
    <row r="39" spans="1:4" x14ac:dyDescent="0.25">
      <c r="A39" s="12" t="s">
        <v>6</v>
      </c>
      <c r="B39" s="12" t="s">
        <v>309</v>
      </c>
      <c r="C39" s="12" t="s">
        <v>310</v>
      </c>
      <c r="D39" s="12" t="s">
        <v>311</v>
      </c>
    </row>
    <row r="40" spans="1:4" x14ac:dyDescent="0.25">
      <c r="A40" s="12" t="s">
        <v>7</v>
      </c>
      <c r="B40" s="12" t="s">
        <v>7</v>
      </c>
      <c r="C40" s="12" t="s">
        <v>7</v>
      </c>
      <c r="D40" s="12" t="s">
        <v>7</v>
      </c>
    </row>
    <row r="41" spans="1:4" x14ac:dyDescent="0.25">
      <c r="A41" s="4" t="s">
        <v>53</v>
      </c>
      <c r="B41" s="6" t="s">
        <v>312</v>
      </c>
      <c r="C41" s="14">
        <v>558099294.37</v>
      </c>
      <c r="D41" s="14">
        <v>243411456.72999999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1-29T16:19:34Z</dcterms:created>
  <dcterms:modified xsi:type="dcterms:W3CDTF">2019-01-29T16:26:55Z</dcterms:modified>
</cp:coreProperties>
</file>